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B9C376A" w14:textId="77777777" w:rsidR="00822E9A" w:rsidRPr="00DE463F" w:rsidRDefault="00822E9A" w:rsidP="00822E9A">
      <w:pPr>
        <w:jc w:val="center"/>
        <w:rPr>
          <w:b/>
          <w:bCs/>
          <w:sz w:val="24"/>
          <w:szCs w:val="24"/>
        </w:rPr>
      </w:pPr>
      <w:r w:rsidRPr="00DE463F">
        <w:rPr>
          <w:b/>
          <w:bCs/>
          <w:sz w:val="24"/>
          <w:szCs w:val="24"/>
        </w:rPr>
        <w:t xml:space="preserve">Continuous Bituminous Pavement Stripping </w:t>
      </w:r>
    </w:p>
    <w:p w14:paraId="0306A332" w14:textId="77777777" w:rsidR="00822E9A" w:rsidRPr="00DE463F" w:rsidRDefault="00822E9A" w:rsidP="00822E9A">
      <w:pPr>
        <w:jc w:val="center"/>
        <w:rPr>
          <w:b/>
          <w:bCs/>
          <w:sz w:val="24"/>
          <w:szCs w:val="24"/>
        </w:rPr>
      </w:pPr>
      <w:r w:rsidRPr="00DE463F">
        <w:rPr>
          <w:b/>
          <w:bCs/>
          <w:sz w:val="24"/>
          <w:szCs w:val="24"/>
        </w:rPr>
        <w:t>Assessment through Non-Destructive Testing</w:t>
      </w:r>
    </w:p>
    <w:p w14:paraId="7BA9FB58" w14:textId="77777777" w:rsidR="00463390" w:rsidRDefault="00463390"/>
    <w:p w14:paraId="5D663B9B" w14:textId="459CC154" w:rsidR="00241AFC" w:rsidRPr="00403070" w:rsidRDefault="00241AFC" w:rsidP="00EA67D9">
      <w:pPr>
        <w:jc w:val="center"/>
        <w:rPr>
          <w:rFonts w:asciiTheme="minorHAnsi" w:hAnsiTheme="minorHAnsi" w:cstheme="minorHAnsi"/>
          <w:b/>
          <w:bCs/>
        </w:rPr>
      </w:pPr>
      <w:r w:rsidRPr="00403070">
        <w:rPr>
          <w:rFonts w:asciiTheme="minorHAnsi" w:hAnsiTheme="minorHAnsi" w:cstheme="minorHAnsi"/>
          <w:b/>
          <w:color w:val="000000"/>
        </w:rPr>
        <w:t>Task #2</w:t>
      </w:r>
      <w:r w:rsidR="00D10B51">
        <w:rPr>
          <w:rFonts w:asciiTheme="minorHAnsi" w:hAnsiTheme="minorHAnsi" w:cstheme="minorHAnsi"/>
          <w:b/>
          <w:color w:val="000000"/>
        </w:rPr>
        <w:t xml:space="preserve"> -</w:t>
      </w:r>
      <w:r w:rsidRPr="00403070">
        <w:rPr>
          <w:rFonts w:asciiTheme="minorHAnsi" w:hAnsiTheme="minorHAnsi" w:cstheme="minorHAnsi"/>
          <w:b/>
          <w:color w:val="000000"/>
        </w:rPr>
        <w:t xml:space="preserve"> </w:t>
      </w:r>
      <w:r w:rsidRPr="00403070">
        <w:rPr>
          <w:rFonts w:asciiTheme="minorHAnsi" w:hAnsiTheme="minorHAnsi" w:cstheme="minorHAnsi"/>
          <w:b/>
          <w:bCs/>
        </w:rPr>
        <w:t>Processing and Preliminary Evaluation of 3DGPR Data</w:t>
      </w:r>
    </w:p>
    <w:p w14:paraId="6AE6DDD2" w14:textId="77777777" w:rsidR="00EA67D9" w:rsidRDefault="00EA67D9" w:rsidP="00241AFC">
      <w:pPr>
        <w:pStyle w:val="ListParagraph"/>
        <w:ind w:left="0"/>
        <w:rPr>
          <w:rFonts w:asciiTheme="minorHAnsi" w:hAnsiTheme="minorHAnsi" w:cstheme="minorHAnsi"/>
          <w:b/>
          <w:color w:val="000000"/>
          <w:sz w:val="20"/>
          <w:szCs w:val="20"/>
        </w:rPr>
      </w:pPr>
    </w:p>
    <w:p w14:paraId="279494C9" w14:textId="258B488B" w:rsidR="00EA67D9" w:rsidRDefault="00EA67D9" w:rsidP="00EA67D9">
      <w:pPr>
        <w:jc w:val="center"/>
        <w:rPr>
          <w:b/>
          <w:bCs/>
        </w:rPr>
      </w:pPr>
      <w:r>
        <w:rPr>
          <w:b/>
          <w:bCs/>
        </w:rPr>
        <w:t xml:space="preserve">Task </w:t>
      </w:r>
      <w:r>
        <w:rPr>
          <w:b/>
          <w:bCs/>
        </w:rPr>
        <w:t>2</w:t>
      </w:r>
      <w:r>
        <w:rPr>
          <w:b/>
          <w:bCs/>
        </w:rPr>
        <w:t xml:space="preserve"> </w:t>
      </w:r>
      <w:r w:rsidRPr="00822E9A">
        <w:rPr>
          <w:b/>
          <w:bCs/>
        </w:rPr>
        <w:t>Report</w:t>
      </w:r>
    </w:p>
    <w:p w14:paraId="0A1C9826" w14:textId="77777777" w:rsidR="00EA67D9" w:rsidRDefault="00EA67D9" w:rsidP="00EA67D9">
      <w:pPr>
        <w:jc w:val="center"/>
        <w:rPr>
          <w:b/>
          <w:bCs/>
        </w:rPr>
      </w:pPr>
    </w:p>
    <w:p w14:paraId="198F3FF0" w14:textId="6B6AC77F" w:rsidR="00EA67D9" w:rsidRDefault="00EA67D9" w:rsidP="00D10B51">
      <w:pPr>
        <w:pStyle w:val="ListParagraph"/>
        <w:ind w:left="0"/>
        <w:jc w:val="center"/>
        <w:rPr>
          <w:rFonts w:asciiTheme="minorHAnsi" w:hAnsiTheme="minorHAnsi" w:cstheme="minorHAnsi"/>
          <w:b/>
          <w:color w:val="000000"/>
          <w:sz w:val="20"/>
          <w:szCs w:val="20"/>
        </w:rPr>
      </w:pPr>
      <w:r>
        <w:rPr>
          <w:b/>
          <w:bCs/>
        </w:rPr>
        <w:t>October 7, 2025</w:t>
      </w:r>
    </w:p>
    <w:p w14:paraId="530EA3F0" w14:textId="77777777" w:rsidR="00EA67D9" w:rsidRDefault="00EA67D9" w:rsidP="00241AFC">
      <w:pPr>
        <w:pStyle w:val="ListParagraph"/>
        <w:ind w:left="0"/>
        <w:rPr>
          <w:rFonts w:asciiTheme="minorHAnsi" w:hAnsiTheme="minorHAnsi" w:cstheme="minorHAnsi"/>
          <w:b/>
          <w:color w:val="000000"/>
          <w:sz w:val="20"/>
          <w:szCs w:val="20"/>
        </w:rPr>
      </w:pPr>
    </w:p>
    <w:p w14:paraId="431C7CA2" w14:textId="4EA9F9E9" w:rsidR="00D10B51" w:rsidRDefault="00241AFC" w:rsidP="00241AFC">
      <w:pPr>
        <w:pStyle w:val="ListParagraph"/>
        <w:ind w:left="0"/>
        <w:rPr>
          <w:sz w:val="20"/>
          <w:szCs w:val="20"/>
        </w:rPr>
      </w:pPr>
      <w:r w:rsidRPr="00001AEB">
        <w:rPr>
          <w:sz w:val="20"/>
          <w:szCs w:val="20"/>
        </w:rPr>
        <w:t xml:space="preserve">All data collected as described under Task 1 </w:t>
      </w:r>
      <w:r w:rsidR="00D10B51">
        <w:rPr>
          <w:sz w:val="20"/>
          <w:szCs w:val="20"/>
        </w:rPr>
        <w:t>has been</w:t>
      </w:r>
      <w:r w:rsidRPr="00001AEB">
        <w:rPr>
          <w:sz w:val="20"/>
          <w:szCs w:val="20"/>
        </w:rPr>
        <w:t xml:space="preserve"> processed and reviewed by the project team. The initial review </w:t>
      </w:r>
      <w:r w:rsidR="00D10B51">
        <w:rPr>
          <w:sz w:val="20"/>
          <w:szCs w:val="20"/>
        </w:rPr>
        <w:t>has included qualitative analysis of the</w:t>
      </w:r>
      <w:r w:rsidRPr="00001AEB">
        <w:rPr>
          <w:sz w:val="20"/>
          <w:szCs w:val="20"/>
        </w:rPr>
        <w:t xml:space="preserve"> data using Examiner, ARRB Hawkeye (for TSD data) and other available tools. A second phase evaluation </w:t>
      </w:r>
      <w:r w:rsidR="00D10B51">
        <w:rPr>
          <w:sz w:val="20"/>
          <w:szCs w:val="20"/>
        </w:rPr>
        <w:t xml:space="preserve">has used </w:t>
      </w:r>
      <w:r w:rsidRPr="00001AEB">
        <w:rPr>
          <w:sz w:val="20"/>
          <w:szCs w:val="20"/>
        </w:rPr>
        <w:t xml:space="preserve">detailed data analysis with currently available analytic tools (e.g. Examiner and Expore3DGPR), and correlation with supporting data (deflections, surface distress, core data). TSD and FWD data </w:t>
      </w:r>
      <w:proofErr w:type="gramStart"/>
      <w:r w:rsidR="00D10B51">
        <w:rPr>
          <w:sz w:val="20"/>
          <w:szCs w:val="20"/>
        </w:rPr>
        <w:t>has</w:t>
      </w:r>
      <w:proofErr w:type="gramEnd"/>
      <w:r w:rsidR="00D10B51">
        <w:rPr>
          <w:sz w:val="20"/>
          <w:szCs w:val="20"/>
        </w:rPr>
        <w:t xml:space="preserve"> been analyzed</w:t>
      </w:r>
      <w:r w:rsidRPr="00001AEB">
        <w:rPr>
          <w:sz w:val="20"/>
          <w:szCs w:val="20"/>
        </w:rPr>
        <w:t xml:space="preserve"> for more detailed measures of the pavement condition</w:t>
      </w:r>
      <w:r w:rsidR="00D10B51">
        <w:rPr>
          <w:sz w:val="20"/>
          <w:szCs w:val="20"/>
        </w:rPr>
        <w:t>, such as SCI-12, as described below.</w:t>
      </w:r>
    </w:p>
    <w:p w14:paraId="18A1C9D1" w14:textId="77777777" w:rsidR="00D10B51" w:rsidRDefault="00D10B51" w:rsidP="00241AFC">
      <w:pPr>
        <w:pStyle w:val="ListParagraph"/>
        <w:ind w:left="0"/>
        <w:rPr>
          <w:sz w:val="20"/>
          <w:szCs w:val="20"/>
        </w:rPr>
      </w:pPr>
    </w:p>
    <w:p w14:paraId="464614EC" w14:textId="06D2B370" w:rsidR="00D10B51" w:rsidRPr="00760729" w:rsidRDefault="00D10B51" w:rsidP="00D10B51">
      <w:pPr>
        <w:pStyle w:val="ListParagraph"/>
        <w:numPr>
          <w:ilvl w:val="0"/>
          <w:numId w:val="2"/>
        </w:numPr>
        <w:rPr>
          <w:b/>
          <w:bCs/>
          <w:sz w:val="20"/>
          <w:szCs w:val="20"/>
          <w:u w:val="single"/>
        </w:rPr>
      </w:pPr>
      <w:r w:rsidRPr="00760729">
        <w:rPr>
          <w:b/>
          <w:bCs/>
          <w:sz w:val="20"/>
          <w:szCs w:val="20"/>
          <w:u w:val="single"/>
        </w:rPr>
        <w:t xml:space="preserve">Analysis of Data Collected at </w:t>
      </w:r>
      <w:proofErr w:type="spellStart"/>
      <w:r w:rsidRPr="00760729">
        <w:rPr>
          <w:b/>
          <w:bCs/>
          <w:sz w:val="20"/>
          <w:szCs w:val="20"/>
          <w:u w:val="single"/>
        </w:rPr>
        <w:t>MnROAD</w:t>
      </w:r>
      <w:proofErr w:type="spellEnd"/>
      <w:r w:rsidRPr="00760729">
        <w:rPr>
          <w:b/>
          <w:bCs/>
          <w:sz w:val="20"/>
          <w:szCs w:val="20"/>
          <w:u w:val="single"/>
        </w:rPr>
        <w:t xml:space="preserve"> Stripping Test Site</w:t>
      </w:r>
    </w:p>
    <w:p w14:paraId="4DD79C22" w14:textId="77777777" w:rsidR="00D10B51" w:rsidRDefault="00D10B51" w:rsidP="00D10B51">
      <w:pPr>
        <w:rPr>
          <w:sz w:val="20"/>
          <w:szCs w:val="20"/>
        </w:rPr>
      </w:pPr>
    </w:p>
    <w:p w14:paraId="55467B20" w14:textId="1C83BFB4" w:rsidR="0076240C" w:rsidRDefault="00D10B51" w:rsidP="00D10B51">
      <w:pPr>
        <w:rPr>
          <w:sz w:val="20"/>
          <w:szCs w:val="20"/>
        </w:rPr>
      </w:pPr>
      <w:r>
        <w:rPr>
          <w:sz w:val="20"/>
          <w:szCs w:val="20"/>
        </w:rPr>
        <w:t>The data sets described in Task 1 were analyzed to investigate the correlation with the known defects built into the test section.</w:t>
      </w:r>
      <w:r w:rsidR="00DB3CC0">
        <w:rPr>
          <w:sz w:val="20"/>
          <w:szCs w:val="20"/>
        </w:rPr>
        <w:t xml:space="preserve"> The PSPA test provides data to carry out a spectral analysis of surface waves (SASW) evaluation of the change in modulus with depth. Figure 1 shows the test equipment and the type of results obtained for intact and damaged pavement. </w:t>
      </w:r>
      <w:r w:rsidR="0076240C">
        <w:rPr>
          <w:sz w:val="20"/>
          <w:szCs w:val="20"/>
        </w:rPr>
        <w:t xml:space="preserve">The PSPA also provides an impact-echo test which provides a “thickness resonance” related to the intact depth of the pavement. The GPR data responds to inhomogeneities within the pavement structure A sample b-scan of the GPR data in Figure 2 shows how the defect features in the test section appear in the GPR data. </w:t>
      </w:r>
      <w:r w:rsidR="007B16A4">
        <w:rPr>
          <w:sz w:val="20"/>
          <w:szCs w:val="20"/>
        </w:rPr>
        <w:t xml:space="preserve">Note that the GPR signal appears to be more sensitive to the coarse defect material (red color) than the fine treated material (green). This is likely due to the presence of larger voids within the coarse material </w:t>
      </w:r>
    </w:p>
    <w:p w14:paraId="5095B1A0" w14:textId="77777777" w:rsidR="0076240C" w:rsidRDefault="0076240C" w:rsidP="00D10B51">
      <w:pPr>
        <w:rPr>
          <w:sz w:val="20"/>
          <w:szCs w:val="20"/>
        </w:rPr>
      </w:pPr>
    </w:p>
    <w:p w14:paraId="6464266A" w14:textId="4EE0E813" w:rsidR="00D10B51" w:rsidRDefault="00E1528A" w:rsidP="00D10B51">
      <w:pPr>
        <w:rPr>
          <w:sz w:val="20"/>
          <w:szCs w:val="20"/>
        </w:rPr>
      </w:pPr>
      <w:r>
        <w:rPr>
          <w:sz w:val="20"/>
          <w:szCs w:val="20"/>
        </w:rPr>
        <w:t xml:space="preserve">Figure </w:t>
      </w:r>
      <w:r w:rsidR="007B16A4">
        <w:rPr>
          <w:sz w:val="20"/>
          <w:szCs w:val="20"/>
        </w:rPr>
        <w:t>3</w:t>
      </w:r>
      <w:r>
        <w:rPr>
          <w:sz w:val="20"/>
          <w:szCs w:val="20"/>
        </w:rPr>
        <w:t xml:space="preserve"> shows the results of this initial analysis. Based on this analysis, the following conclusions were reached. </w:t>
      </w:r>
    </w:p>
    <w:p w14:paraId="165A057A" w14:textId="77777777" w:rsidR="00E1528A" w:rsidRDefault="00E1528A" w:rsidP="00D10B51">
      <w:pPr>
        <w:rPr>
          <w:sz w:val="20"/>
          <w:szCs w:val="20"/>
        </w:rPr>
      </w:pPr>
    </w:p>
    <w:p w14:paraId="4B24AA42" w14:textId="178AA54B" w:rsidR="00E1528A" w:rsidRDefault="00E1528A" w:rsidP="00E1528A">
      <w:pPr>
        <w:pStyle w:val="ListParagraph"/>
        <w:numPr>
          <w:ilvl w:val="0"/>
          <w:numId w:val="4"/>
        </w:numPr>
        <w:rPr>
          <w:sz w:val="20"/>
          <w:szCs w:val="20"/>
        </w:rPr>
      </w:pPr>
      <w:r>
        <w:rPr>
          <w:sz w:val="20"/>
          <w:szCs w:val="20"/>
        </w:rPr>
        <w:t xml:space="preserve">The PSPA </w:t>
      </w:r>
      <w:r w:rsidR="00DB3CC0">
        <w:rPr>
          <w:sz w:val="20"/>
          <w:szCs w:val="20"/>
        </w:rPr>
        <w:t xml:space="preserve">SASW </w:t>
      </w:r>
      <w:r>
        <w:rPr>
          <w:sz w:val="20"/>
          <w:szCs w:val="20"/>
        </w:rPr>
        <w:t xml:space="preserve">modulus at 7-inch depth </w:t>
      </w:r>
      <w:r w:rsidR="005E2378">
        <w:rPr>
          <w:sz w:val="20"/>
          <w:szCs w:val="20"/>
        </w:rPr>
        <w:t>dropped</w:t>
      </w:r>
      <w:r w:rsidR="00BC5B3B">
        <w:rPr>
          <w:sz w:val="20"/>
          <w:szCs w:val="20"/>
        </w:rPr>
        <w:t xml:space="preserve"> anywhere from 30 to 70 percent within each of the defect areas</w:t>
      </w:r>
    </w:p>
    <w:p w14:paraId="343C1BD6" w14:textId="313BCDBF" w:rsidR="005E2378" w:rsidRDefault="005E2378" w:rsidP="00E1528A">
      <w:pPr>
        <w:pStyle w:val="ListParagraph"/>
        <w:numPr>
          <w:ilvl w:val="0"/>
          <w:numId w:val="4"/>
        </w:numPr>
        <w:rPr>
          <w:sz w:val="20"/>
          <w:szCs w:val="20"/>
        </w:rPr>
      </w:pPr>
      <w:r>
        <w:rPr>
          <w:sz w:val="20"/>
          <w:szCs w:val="20"/>
        </w:rPr>
        <w:t>The FWD SCI-300 value jumped from a background value of 20</w:t>
      </w:r>
      <w:r w:rsidR="007B16A4">
        <w:rPr>
          <w:sz w:val="20"/>
          <w:szCs w:val="20"/>
        </w:rPr>
        <w:t xml:space="preserve"> </w:t>
      </w:r>
      <w:r w:rsidR="007B16A4" w:rsidRPr="007B16A4">
        <w:rPr>
          <w:sz w:val="20"/>
          <w:szCs w:val="20"/>
        </w:rPr>
        <w:t>µm</w:t>
      </w:r>
      <w:r>
        <w:rPr>
          <w:sz w:val="20"/>
          <w:szCs w:val="20"/>
        </w:rPr>
        <w:t xml:space="preserve"> to values ranging from 40 to 400 </w:t>
      </w:r>
      <w:r w:rsidR="007B16A4" w:rsidRPr="007B16A4">
        <w:rPr>
          <w:sz w:val="20"/>
          <w:szCs w:val="20"/>
        </w:rPr>
        <w:t>µm</w:t>
      </w:r>
      <w:r w:rsidR="007B16A4">
        <w:rPr>
          <w:sz w:val="20"/>
          <w:szCs w:val="20"/>
        </w:rPr>
        <w:t xml:space="preserve"> </w:t>
      </w:r>
      <w:r>
        <w:rPr>
          <w:sz w:val="20"/>
          <w:szCs w:val="20"/>
        </w:rPr>
        <w:t xml:space="preserve">within the defect areas. Interestingly, the bigger jumps were in areas with the treated material. </w:t>
      </w:r>
    </w:p>
    <w:p w14:paraId="5B2C2763" w14:textId="4F345348" w:rsidR="005E2378" w:rsidRDefault="005E2378" w:rsidP="00E1528A">
      <w:pPr>
        <w:pStyle w:val="ListParagraph"/>
        <w:numPr>
          <w:ilvl w:val="0"/>
          <w:numId w:val="4"/>
        </w:numPr>
        <w:rPr>
          <w:sz w:val="20"/>
          <w:szCs w:val="20"/>
        </w:rPr>
      </w:pPr>
      <w:r>
        <w:rPr>
          <w:sz w:val="20"/>
          <w:szCs w:val="20"/>
        </w:rPr>
        <w:t>The impact-echo thickness resonance dropped anywhere from 25 to 75% within the defect areas. Note that the effectiveness of Impact Echo decreases with increasing temperature. The temperature at the time of the testing was 65 degrees F.</w:t>
      </w:r>
    </w:p>
    <w:p w14:paraId="3570F220" w14:textId="27495132" w:rsidR="005E2378" w:rsidRDefault="007A205E" w:rsidP="00E1528A">
      <w:pPr>
        <w:pStyle w:val="ListParagraph"/>
        <w:numPr>
          <w:ilvl w:val="0"/>
          <w:numId w:val="4"/>
        </w:numPr>
        <w:rPr>
          <w:sz w:val="20"/>
          <w:szCs w:val="20"/>
        </w:rPr>
      </w:pPr>
      <w:r>
        <w:rPr>
          <w:sz w:val="20"/>
          <w:szCs w:val="20"/>
        </w:rPr>
        <w:t>The GPR activity analysis using a threshold of 90% above the mean matched many but missed some of the defect areas, especially the deeper ones in the middle of the section (cells 2418 and 2417).</w:t>
      </w:r>
    </w:p>
    <w:p w14:paraId="5CA562A4" w14:textId="77777777" w:rsidR="007A205E" w:rsidRDefault="007A205E" w:rsidP="007A205E">
      <w:pPr>
        <w:rPr>
          <w:sz w:val="20"/>
          <w:szCs w:val="20"/>
        </w:rPr>
      </w:pPr>
    </w:p>
    <w:p w14:paraId="623EE259" w14:textId="24A205D2" w:rsidR="007A205E" w:rsidRDefault="007A205E" w:rsidP="007A205E">
      <w:pPr>
        <w:rPr>
          <w:sz w:val="20"/>
          <w:szCs w:val="20"/>
        </w:rPr>
      </w:pPr>
      <w:r>
        <w:rPr>
          <w:sz w:val="20"/>
          <w:szCs w:val="20"/>
        </w:rPr>
        <w:t>One conclusion from these tests is that the FWD and PSPA would be useful as for local confirmation testing prior to coring</w:t>
      </w:r>
      <w:r w:rsidR="00AE6622">
        <w:rPr>
          <w:sz w:val="20"/>
          <w:szCs w:val="20"/>
        </w:rPr>
        <w:t xml:space="preserve">. </w:t>
      </w:r>
    </w:p>
    <w:p w14:paraId="6B20060B" w14:textId="77777777" w:rsidR="00AE6622" w:rsidRDefault="00AE6622" w:rsidP="007A205E">
      <w:pPr>
        <w:rPr>
          <w:sz w:val="20"/>
          <w:szCs w:val="20"/>
        </w:rPr>
      </w:pPr>
    </w:p>
    <w:p w14:paraId="56D6F7B0" w14:textId="3558E4B4" w:rsidR="00AE6622" w:rsidRPr="00760729" w:rsidRDefault="00AE6622" w:rsidP="00AE6622">
      <w:pPr>
        <w:pStyle w:val="ListParagraph"/>
        <w:numPr>
          <w:ilvl w:val="0"/>
          <w:numId w:val="2"/>
        </w:numPr>
        <w:rPr>
          <w:b/>
          <w:bCs/>
          <w:sz w:val="20"/>
          <w:szCs w:val="20"/>
          <w:u w:val="single"/>
        </w:rPr>
      </w:pPr>
      <w:r w:rsidRPr="00760729">
        <w:rPr>
          <w:b/>
          <w:bCs/>
          <w:sz w:val="20"/>
          <w:szCs w:val="20"/>
          <w:u w:val="single"/>
        </w:rPr>
        <w:t>Analysis of the data provided by the states</w:t>
      </w:r>
    </w:p>
    <w:p w14:paraId="7D49BEC8" w14:textId="77777777" w:rsidR="00AE6622" w:rsidRDefault="00AE6622" w:rsidP="00AE6622">
      <w:pPr>
        <w:rPr>
          <w:sz w:val="20"/>
          <w:szCs w:val="20"/>
        </w:rPr>
      </w:pPr>
    </w:p>
    <w:p w14:paraId="6C2B11EE" w14:textId="3635D6B1" w:rsidR="00AE6622" w:rsidRDefault="00AE6622" w:rsidP="00AE6622">
      <w:pPr>
        <w:rPr>
          <w:sz w:val="20"/>
          <w:szCs w:val="20"/>
        </w:rPr>
      </w:pPr>
      <w:r>
        <w:rPr>
          <w:sz w:val="20"/>
          <w:szCs w:val="20"/>
        </w:rPr>
        <w:t>The data provided by the states for the 10 selected sites was analyzed as follows:</w:t>
      </w:r>
    </w:p>
    <w:p w14:paraId="2E4FA4EA" w14:textId="77777777" w:rsidR="00D504DA" w:rsidRDefault="00D504DA" w:rsidP="00AE6622">
      <w:pPr>
        <w:rPr>
          <w:sz w:val="20"/>
          <w:szCs w:val="20"/>
        </w:rPr>
      </w:pPr>
    </w:p>
    <w:p w14:paraId="1D4ED81C" w14:textId="402DD108" w:rsidR="00D504DA" w:rsidRDefault="00D504DA" w:rsidP="00D504DA">
      <w:pPr>
        <w:pStyle w:val="ListParagraph"/>
        <w:numPr>
          <w:ilvl w:val="0"/>
          <w:numId w:val="5"/>
        </w:numPr>
        <w:rPr>
          <w:sz w:val="20"/>
          <w:szCs w:val="20"/>
        </w:rPr>
      </w:pPr>
      <w:r>
        <w:rPr>
          <w:sz w:val="20"/>
          <w:szCs w:val="20"/>
        </w:rPr>
        <w:t>All 3DGPR data was processed in Examiner</w:t>
      </w:r>
    </w:p>
    <w:p w14:paraId="2AF5EA33" w14:textId="6176C720" w:rsidR="00D504DA" w:rsidRDefault="00D504DA" w:rsidP="00D504DA">
      <w:pPr>
        <w:pStyle w:val="ListParagraph"/>
        <w:numPr>
          <w:ilvl w:val="0"/>
          <w:numId w:val="5"/>
        </w:numPr>
        <w:rPr>
          <w:sz w:val="20"/>
          <w:szCs w:val="20"/>
        </w:rPr>
      </w:pPr>
      <w:r>
        <w:rPr>
          <w:sz w:val="20"/>
          <w:szCs w:val="20"/>
        </w:rPr>
        <w:t xml:space="preserve">TSD data was analyzed to provide graphical output of SCI-12. </w:t>
      </w:r>
    </w:p>
    <w:p w14:paraId="41BC79AD" w14:textId="29E8238D" w:rsidR="00D504DA" w:rsidRDefault="00D504DA" w:rsidP="00D504DA">
      <w:pPr>
        <w:pStyle w:val="ListParagraph"/>
        <w:numPr>
          <w:ilvl w:val="0"/>
          <w:numId w:val="5"/>
        </w:numPr>
        <w:rPr>
          <w:sz w:val="20"/>
          <w:szCs w:val="20"/>
        </w:rPr>
      </w:pPr>
      <w:r>
        <w:rPr>
          <w:sz w:val="20"/>
          <w:szCs w:val="20"/>
        </w:rPr>
        <w:t>Core data was evaluated a</w:t>
      </w:r>
      <w:r w:rsidR="00DB3CC0">
        <w:rPr>
          <w:sz w:val="20"/>
          <w:szCs w:val="20"/>
        </w:rPr>
        <w:t>nd</w:t>
      </w:r>
      <w:r>
        <w:rPr>
          <w:sz w:val="20"/>
          <w:szCs w:val="20"/>
        </w:rPr>
        <w:t xml:space="preserve"> rated based on the level of observed damage.</w:t>
      </w:r>
    </w:p>
    <w:p w14:paraId="20A847F6" w14:textId="1A3670D8" w:rsidR="00D504DA" w:rsidRDefault="00DB3CC0" w:rsidP="00D504DA">
      <w:pPr>
        <w:pStyle w:val="ListParagraph"/>
        <w:numPr>
          <w:ilvl w:val="0"/>
          <w:numId w:val="5"/>
        </w:numPr>
        <w:rPr>
          <w:sz w:val="20"/>
          <w:szCs w:val="20"/>
        </w:rPr>
      </w:pPr>
      <w:r>
        <w:rPr>
          <w:sz w:val="20"/>
          <w:szCs w:val="20"/>
        </w:rPr>
        <w:t xml:space="preserve">All core data was geolocated within the GPR and TSD data. </w:t>
      </w:r>
    </w:p>
    <w:p w14:paraId="1A26CA5F" w14:textId="099157AE" w:rsidR="000D4367" w:rsidRDefault="000D4367" w:rsidP="00D504DA">
      <w:pPr>
        <w:pStyle w:val="ListParagraph"/>
        <w:numPr>
          <w:ilvl w:val="0"/>
          <w:numId w:val="5"/>
        </w:numPr>
        <w:rPr>
          <w:sz w:val="20"/>
          <w:szCs w:val="20"/>
        </w:rPr>
      </w:pPr>
      <w:r>
        <w:rPr>
          <w:sz w:val="20"/>
          <w:szCs w:val="20"/>
        </w:rPr>
        <w:t>Processed 3DGPR data was analyzed for stripping potential using an existing activity analysis algorithm.</w:t>
      </w:r>
    </w:p>
    <w:p w14:paraId="4F75788F" w14:textId="77777777" w:rsidR="007B16A4" w:rsidRDefault="007B16A4" w:rsidP="004A09DD">
      <w:pPr>
        <w:pStyle w:val="ListParagraph"/>
        <w:rPr>
          <w:sz w:val="20"/>
          <w:szCs w:val="20"/>
        </w:rPr>
      </w:pPr>
    </w:p>
    <w:p w14:paraId="72F0AA55" w14:textId="77777777" w:rsidR="00DB3CC0" w:rsidRDefault="00DB3CC0" w:rsidP="00DB3CC0">
      <w:pPr>
        <w:rPr>
          <w:sz w:val="20"/>
          <w:szCs w:val="20"/>
        </w:rPr>
      </w:pPr>
    </w:p>
    <w:p w14:paraId="4B198EC8" w14:textId="00E0A190" w:rsidR="00AE6622" w:rsidRDefault="0076240C" w:rsidP="00AE6622">
      <w:pPr>
        <w:rPr>
          <w:sz w:val="20"/>
          <w:szCs w:val="20"/>
        </w:rPr>
      </w:pPr>
      <w:r w:rsidRPr="0076240C">
        <w:rPr>
          <w:sz w:val="20"/>
          <w:szCs w:val="20"/>
        </w:rPr>
        <w:drawing>
          <wp:anchor distT="0" distB="0" distL="114300" distR="114300" simplePos="0" relativeHeight="251676672" behindDoc="0" locked="0" layoutInCell="1" allowOverlap="1" wp14:anchorId="41AB6CBB" wp14:editId="299A1CD4">
            <wp:simplePos x="0" y="0"/>
            <wp:positionH relativeFrom="column">
              <wp:posOffset>3228109</wp:posOffset>
            </wp:positionH>
            <wp:positionV relativeFrom="paragraph">
              <wp:posOffset>0</wp:posOffset>
            </wp:positionV>
            <wp:extent cx="2195657" cy="1704109"/>
            <wp:effectExtent l="0" t="0" r="14605" b="10795"/>
            <wp:wrapNone/>
            <wp:docPr id="363896963" name="Chart 2">
              <a:extLst xmlns:a="http://schemas.openxmlformats.org/drawingml/2006/main">
                <a:ext uri="{FF2B5EF4-FFF2-40B4-BE49-F238E27FC236}">
                  <a16:creationId xmlns:a16="http://schemas.microsoft.com/office/drawing/2014/main" id="{BDD3F033-4735-7828-777A-865D90FFFAD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
              </a:graphicData>
            </a:graphic>
            <wp14:sizeRelH relativeFrom="page">
              <wp14:pctWidth>0</wp14:pctWidth>
            </wp14:sizeRelH>
            <wp14:sizeRelV relativeFrom="page">
              <wp14:pctHeight>0</wp14:pctHeight>
            </wp14:sizeRelV>
          </wp:anchor>
        </w:drawing>
      </w:r>
      <w:r w:rsidRPr="0076240C">
        <w:rPr>
          <w:sz w:val="20"/>
          <w:szCs w:val="20"/>
        </w:rPr>
        <w:drawing>
          <wp:anchor distT="0" distB="0" distL="114300" distR="114300" simplePos="0" relativeHeight="251681792" behindDoc="0" locked="0" layoutInCell="1" allowOverlap="1" wp14:anchorId="59B29DC7" wp14:editId="18CFE20F">
            <wp:simplePos x="0" y="0"/>
            <wp:positionH relativeFrom="column">
              <wp:posOffset>407959</wp:posOffset>
            </wp:positionH>
            <wp:positionV relativeFrom="paragraph">
              <wp:posOffset>82492</wp:posOffset>
            </wp:positionV>
            <wp:extent cx="2459355" cy="2715260"/>
            <wp:effectExtent l="0" t="0" r="0" b="8890"/>
            <wp:wrapNone/>
            <wp:docPr id="4" name="Picture 3" descr="A person in a vest using a computer&#10;&#10;AI-generated content may be incorrect.">
              <a:extLst xmlns:a="http://schemas.openxmlformats.org/drawingml/2006/main">
                <a:ext uri="{FF2B5EF4-FFF2-40B4-BE49-F238E27FC236}">
                  <a16:creationId xmlns:a16="http://schemas.microsoft.com/office/drawing/2014/main" id="{BE55F586-6D54-9EB0-2EF1-D4E2BDAE4B3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descr="A person in a vest using a computer&#10;&#10;AI-generated content may be incorrect.">
                      <a:extLst>
                        <a:ext uri="{FF2B5EF4-FFF2-40B4-BE49-F238E27FC236}">
                          <a16:creationId xmlns:a16="http://schemas.microsoft.com/office/drawing/2014/main" id="{BE55F586-6D54-9EB0-2EF1-D4E2BDAE4B34}"/>
                        </a:ext>
                      </a:extLst>
                    </pic:cNvPr>
                    <pic:cNvPicPr>
                      <a:picLocks noChangeAspect="1"/>
                    </pic:cNvPicPr>
                  </pic:nvPicPr>
                  <pic:blipFill>
                    <a:blip r:embed="rId6">
                      <a:extLst>
                        <a:ext uri="{28A0092B-C50C-407E-A947-70E740481C1C}">
                          <a14:useLocalDpi xmlns:a14="http://schemas.microsoft.com/office/drawing/2010/main" val="0"/>
                        </a:ext>
                      </a:extLst>
                    </a:blip>
                    <a:stretch>
                      <a:fillRect/>
                    </a:stretch>
                  </pic:blipFill>
                  <pic:spPr>
                    <a:xfrm>
                      <a:off x="0" y="0"/>
                      <a:ext cx="2459355" cy="2715260"/>
                    </a:xfrm>
                    <a:prstGeom prst="rect">
                      <a:avLst/>
                    </a:prstGeom>
                  </pic:spPr>
                </pic:pic>
              </a:graphicData>
            </a:graphic>
            <wp14:sizeRelH relativeFrom="page">
              <wp14:pctWidth>0</wp14:pctWidth>
            </wp14:sizeRelH>
            <wp14:sizeRelV relativeFrom="page">
              <wp14:pctHeight>0</wp14:pctHeight>
            </wp14:sizeRelV>
          </wp:anchor>
        </w:drawing>
      </w:r>
      <w:r w:rsidRPr="0076240C">
        <w:rPr>
          <w:sz w:val="20"/>
          <w:szCs w:val="20"/>
        </w:rPr>
        <mc:AlternateContent>
          <mc:Choice Requires="wps">
            <w:drawing>
              <wp:anchor distT="0" distB="0" distL="114300" distR="114300" simplePos="0" relativeHeight="251678720" behindDoc="0" locked="0" layoutInCell="1" allowOverlap="1" wp14:anchorId="14F21CFC" wp14:editId="001A9488">
                <wp:simplePos x="0" y="0"/>
                <wp:positionH relativeFrom="column">
                  <wp:posOffset>5451764</wp:posOffset>
                </wp:positionH>
                <wp:positionV relativeFrom="paragraph">
                  <wp:posOffset>554355</wp:posOffset>
                </wp:positionV>
                <wp:extent cx="765659" cy="369332"/>
                <wp:effectExtent l="0" t="0" r="0" b="0"/>
                <wp:wrapNone/>
                <wp:docPr id="1298103590" name="TextBox 12"/>
                <wp:cNvGraphicFramePr xmlns:a="http://schemas.openxmlformats.org/drawingml/2006/main"/>
                <a:graphic xmlns:a="http://schemas.openxmlformats.org/drawingml/2006/main">
                  <a:graphicData uri="http://schemas.microsoft.com/office/word/2010/wordprocessingShape">
                    <wps:wsp>
                      <wps:cNvSpPr txBox="1"/>
                      <wps:spPr>
                        <a:xfrm>
                          <a:off x="0" y="0"/>
                          <a:ext cx="765659" cy="369332"/>
                        </a:xfrm>
                        <a:prstGeom prst="rect">
                          <a:avLst/>
                        </a:prstGeom>
                        <a:noFill/>
                      </wps:spPr>
                      <wps:txbx>
                        <w:txbxContent>
                          <w:p w14:paraId="1C270421" w14:textId="77777777" w:rsidR="0076240C" w:rsidRPr="0076240C" w:rsidRDefault="0076240C" w:rsidP="0076240C">
                            <w:pPr>
                              <w:rPr>
                                <w:rFonts w:cs="Calibri"/>
                                <w:color w:val="000000" w:themeColor="text1"/>
                                <w:kern w:val="24"/>
                              </w:rPr>
                            </w:pPr>
                            <w:r w:rsidRPr="0076240C">
                              <w:rPr>
                                <w:rFonts w:cs="Calibri"/>
                                <w:color w:val="000000" w:themeColor="text1"/>
                                <w:kern w:val="24"/>
                              </w:rPr>
                              <w:t>Intact</w:t>
                            </w:r>
                          </w:p>
                        </w:txbxContent>
                      </wps:txbx>
                      <wps:bodyPr wrap="none" rtlCol="0">
                        <a:spAutoFit/>
                      </wps:bodyPr>
                    </wps:wsp>
                  </a:graphicData>
                </a:graphic>
              </wp:anchor>
            </w:drawing>
          </mc:Choice>
          <mc:Fallback>
            <w:pict>
              <v:shapetype w14:anchorId="14F21CFC" id="_x0000_t202" coordsize="21600,21600" o:spt="202" path="m,l,21600r21600,l21600,xe">
                <v:stroke joinstyle="miter"/>
                <v:path gradientshapeok="t" o:connecttype="rect"/>
              </v:shapetype>
              <v:shape id="TextBox 12" o:spid="_x0000_s1026" type="#_x0000_t202" style="position:absolute;margin-left:429.25pt;margin-top:43.65pt;width:60.3pt;height:29.1pt;z-index:251678720;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" filled="f" stroked="f">
                <v:textbox style="mso-fit-shape-to-text:t">
                  <w:txbxContent>
                    <w:p w14:paraId="1C270421" w14:textId="77777777" w:rsidR="0076240C" w:rsidRPr="0076240C" w:rsidRDefault="0076240C" w:rsidP="0076240C">
                      <w:pPr>
                        <w:rPr>
                          <w:rFonts w:cs="Calibri"/>
                          <w:color w:val="000000" w:themeColor="text1"/>
                          <w:kern w:val="24"/>
                        </w:rPr>
                      </w:pPr>
                      <w:r w:rsidRPr="0076240C">
                        <w:rPr>
                          <w:rFonts w:cs="Calibri"/>
                          <w:color w:val="000000" w:themeColor="text1"/>
                          <w:kern w:val="24"/>
                        </w:rPr>
                        <w:t>Intact</w:t>
                      </w:r>
                    </w:p>
                  </w:txbxContent>
                </v:textbox>
              </v:shape>
            </w:pict>
          </mc:Fallback>
        </mc:AlternateContent>
      </w:r>
      <w:r>
        <w:rPr>
          <w:sz w:val="20"/>
          <w:szCs w:val="20"/>
        </w:rPr>
        <w:t xml:space="preserve"> </w:t>
      </w:r>
      <w:r w:rsidRPr="0076240C">
        <w:rPr>
          <w:sz w:val="20"/>
          <w:szCs w:val="20"/>
        </w:rPr>
        <mc:AlternateContent>
          <mc:Choice Requires="wps">
            <w:drawing>
              <wp:anchor distT="0" distB="0" distL="114300" distR="114300" simplePos="0" relativeHeight="251671552" behindDoc="0" locked="0" layoutInCell="1" allowOverlap="1" wp14:anchorId="3B65F8A1" wp14:editId="52001181">
                <wp:simplePos x="0" y="0"/>
                <wp:positionH relativeFrom="column">
                  <wp:posOffset>-2194560</wp:posOffset>
                </wp:positionH>
                <wp:positionV relativeFrom="paragraph">
                  <wp:posOffset>132715</wp:posOffset>
                </wp:positionV>
                <wp:extent cx="1573398" cy="0"/>
                <wp:effectExtent l="0" t="0" r="0" b="0"/>
                <wp:wrapNone/>
                <wp:docPr id="8" name="Straight Connector 7">
                  <a:extLst xmlns:a="http://schemas.openxmlformats.org/drawingml/2006/main">
                    <a:ext uri="{FF2B5EF4-FFF2-40B4-BE49-F238E27FC236}">
                      <a16:creationId xmlns:a16="http://schemas.microsoft.com/office/drawing/2014/main" id="{EA5EDA8D-C0CB-AA2A-D84F-0A6DA65FA7F9}"/>
                    </a:ext>
                  </a:extLst>
                </wp:docPr>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1573398" cy="0"/>
                        </a:xfrm>
                        <a:prstGeom prst="line">
                          <a:avLst/>
                        </a:prstGeom>
                        <a:ln>
                          <a:solidFill>
                            <a:srgbClr val="FF0000"/>
                          </a:solidFill>
                          <a:prstDash val="dash"/>
                        </a:ln>
                      </wps:spPr>
                      <wps:style>
                        <a:lnRef idx="2">
                          <a:schemeClr val="accent1"/>
                        </a:lnRef>
                        <a:fillRef idx="0">
                          <a:schemeClr val="accent1"/>
                        </a:fillRef>
                        <a:effectRef idx="1">
                          <a:schemeClr val="accent1"/>
                        </a:effectRef>
                        <a:fontRef idx="minor">
                          <a:schemeClr val="tx1"/>
                        </a:fontRef>
                      </wps:style>
                      <wps:bodyPr/>
                    </wps:wsp>
                  </a:graphicData>
                </a:graphic>
              </wp:anchor>
            </w:drawing>
          </mc:Choice>
          <mc:Fallback>
            <w:pict>
              <v:line w14:anchorId="7B732286" id="Straight Connector 7" o:spid="_x0000_s1026" style="position:absolute;z-index:251671552;visibility:visible;mso-wrap-style:square;mso-wrap-distance-left:9pt;mso-wrap-distance-top:0;mso-wrap-distance-right:9pt;mso-wrap-distance-bottom:0;mso-position-horizontal:absolute;mso-position-horizontal-relative:text;mso-position-vertical:absolute;mso-position-vertical-relative:text" from="-172.8pt,10.45pt" to="-48.9pt,10.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" strokecolor="red" strokeweight="1pt">
                <v:stroke dashstyle="dash" joinstyle="miter"/>
                <o:lock v:ext="edit" shapetype="f"/>
              </v:line>
            </w:pict>
          </mc:Fallback>
        </mc:AlternateContent>
      </w:r>
      <w:r w:rsidRPr="0076240C">
        <w:rPr>
          <w:sz w:val="20"/>
          <w:szCs w:val="20"/>
        </w:rPr>
        <mc:AlternateContent>
          <mc:Choice Requires="wps">
            <w:drawing>
              <wp:anchor distT="0" distB="0" distL="114300" distR="114300" simplePos="0" relativeHeight="251672576" behindDoc="0" locked="0" layoutInCell="1" allowOverlap="1" wp14:anchorId="67AC539C" wp14:editId="59106807">
                <wp:simplePos x="0" y="0"/>
                <wp:positionH relativeFrom="column">
                  <wp:posOffset>-2162175</wp:posOffset>
                </wp:positionH>
                <wp:positionV relativeFrom="paragraph">
                  <wp:posOffset>2030095</wp:posOffset>
                </wp:positionV>
                <wp:extent cx="1573398" cy="0"/>
                <wp:effectExtent l="0" t="0" r="0" b="0"/>
                <wp:wrapNone/>
                <wp:docPr id="9" name="Straight Connector 8">
                  <a:extLst xmlns:a="http://schemas.openxmlformats.org/drawingml/2006/main">
                    <a:ext uri="{FF2B5EF4-FFF2-40B4-BE49-F238E27FC236}">
                      <a16:creationId xmlns:a16="http://schemas.microsoft.com/office/drawing/2014/main" id="{527D907B-844D-5578-588D-93D380D1FFDB}"/>
                    </a:ext>
                  </a:extLst>
                </wp:docPr>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1573398" cy="0"/>
                        </a:xfrm>
                        <a:prstGeom prst="line">
                          <a:avLst/>
                        </a:prstGeom>
                        <a:ln>
                          <a:solidFill>
                            <a:srgbClr val="FF0000"/>
                          </a:solidFill>
                          <a:prstDash val="dash"/>
                        </a:ln>
                      </wps:spPr>
                      <wps:style>
                        <a:lnRef idx="2">
                          <a:schemeClr val="accent1"/>
                        </a:lnRef>
                        <a:fillRef idx="0">
                          <a:schemeClr val="accent1"/>
                        </a:fillRef>
                        <a:effectRef idx="1">
                          <a:schemeClr val="accent1"/>
                        </a:effectRef>
                        <a:fontRef idx="minor">
                          <a:schemeClr val="tx1"/>
                        </a:fontRef>
                      </wps:style>
                      <wps:bodyPr/>
                    </wps:wsp>
                  </a:graphicData>
                </a:graphic>
              </wp:anchor>
            </w:drawing>
          </mc:Choice>
          <mc:Fallback>
            <w:pict>
              <v:line w14:anchorId="30B1E334" id="Straight Connector 8" o:spid="_x0000_s1026" style="position:absolute;z-index:251672576;visibility:visible;mso-wrap-style:square;mso-wrap-distance-left:9pt;mso-wrap-distance-top:0;mso-wrap-distance-right:9pt;mso-wrap-distance-bottom:0;mso-position-horizontal:absolute;mso-position-horizontal-relative:text;mso-position-vertical:absolute;mso-position-vertical-relative:text" from="-170.25pt,159.85pt" to="-46.35pt,159.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" strokecolor="red" strokeweight="1pt">
                <v:stroke dashstyle="dash" joinstyle="miter"/>
                <o:lock v:ext="edit" shapetype="f"/>
              </v:line>
            </w:pict>
          </mc:Fallback>
        </mc:AlternateContent>
      </w:r>
    </w:p>
    <w:p w14:paraId="1DF9C834" w14:textId="5AFD4EE4" w:rsidR="00AE6622" w:rsidRDefault="00AE6622" w:rsidP="00AE6622">
      <w:pPr>
        <w:rPr>
          <w:sz w:val="20"/>
          <w:szCs w:val="20"/>
        </w:rPr>
      </w:pPr>
    </w:p>
    <w:p w14:paraId="10B0EF8F" w14:textId="6E006B4C" w:rsidR="00F1028A" w:rsidRDefault="00F1028A" w:rsidP="00241AFC">
      <w:pPr>
        <w:pStyle w:val="ListParagraph"/>
        <w:ind w:left="0"/>
        <w:rPr>
          <w:sz w:val="20"/>
          <w:szCs w:val="20"/>
        </w:rPr>
      </w:pPr>
    </w:p>
    <w:p w14:paraId="163D4EF3" w14:textId="6BFF5E9D" w:rsidR="00F1028A" w:rsidRDefault="00F1028A" w:rsidP="00241AFC">
      <w:pPr>
        <w:pStyle w:val="ListParagraph"/>
        <w:ind w:left="0"/>
        <w:rPr>
          <w:sz w:val="20"/>
          <w:szCs w:val="20"/>
        </w:rPr>
      </w:pPr>
    </w:p>
    <w:p w14:paraId="5F6B030C" w14:textId="62005BCE" w:rsidR="0076240C" w:rsidRDefault="0076240C" w:rsidP="00241AFC">
      <w:pPr>
        <w:pStyle w:val="ListParagraph"/>
        <w:ind w:left="0"/>
        <w:rPr>
          <w:sz w:val="20"/>
          <w:szCs w:val="20"/>
        </w:rPr>
      </w:pPr>
    </w:p>
    <w:p w14:paraId="6CC0E01E" w14:textId="7F8A887B" w:rsidR="0076240C" w:rsidRDefault="0076240C" w:rsidP="00241AFC">
      <w:pPr>
        <w:pStyle w:val="ListParagraph"/>
        <w:ind w:left="0"/>
        <w:rPr>
          <w:sz w:val="20"/>
          <w:szCs w:val="20"/>
        </w:rPr>
      </w:pPr>
    </w:p>
    <w:p w14:paraId="6E4A25E7" w14:textId="58B40173" w:rsidR="0076240C" w:rsidRDefault="0076240C" w:rsidP="00241AFC">
      <w:pPr>
        <w:pStyle w:val="ListParagraph"/>
        <w:ind w:left="0"/>
        <w:rPr>
          <w:sz w:val="20"/>
          <w:szCs w:val="20"/>
        </w:rPr>
      </w:pPr>
    </w:p>
    <w:p w14:paraId="7A5A6C76" w14:textId="78866DD0" w:rsidR="0076240C" w:rsidRDefault="0076240C" w:rsidP="00241AFC">
      <w:pPr>
        <w:pStyle w:val="ListParagraph"/>
        <w:ind w:left="0"/>
        <w:rPr>
          <w:sz w:val="20"/>
          <w:szCs w:val="20"/>
        </w:rPr>
      </w:pPr>
    </w:p>
    <w:p w14:paraId="68041937" w14:textId="572E2D37" w:rsidR="0076240C" w:rsidRDefault="0076240C" w:rsidP="00241AFC">
      <w:pPr>
        <w:pStyle w:val="ListParagraph"/>
        <w:ind w:left="0"/>
        <w:rPr>
          <w:sz w:val="20"/>
          <w:szCs w:val="20"/>
        </w:rPr>
      </w:pPr>
    </w:p>
    <w:p w14:paraId="6ED7A455" w14:textId="5A5FA26A" w:rsidR="0076240C" w:rsidRDefault="0076240C" w:rsidP="00241AFC">
      <w:pPr>
        <w:pStyle w:val="ListParagraph"/>
        <w:ind w:left="0"/>
        <w:rPr>
          <w:sz w:val="20"/>
          <w:szCs w:val="20"/>
        </w:rPr>
      </w:pPr>
    </w:p>
    <w:p w14:paraId="5D31AEE1" w14:textId="44A2D413" w:rsidR="0076240C" w:rsidRDefault="0076240C" w:rsidP="00241AFC">
      <w:pPr>
        <w:pStyle w:val="ListParagraph"/>
        <w:ind w:left="0"/>
        <w:rPr>
          <w:sz w:val="20"/>
          <w:szCs w:val="20"/>
        </w:rPr>
      </w:pPr>
      <w:r w:rsidRPr="0076240C">
        <w:rPr>
          <w:sz w:val="20"/>
          <w:szCs w:val="20"/>
        </w:rPr>
        <w:drawing>
          <wp:anchor distT="0" distB="0" distL="114300" distR="114300" simplePos="0" relativeHeight="251675648" behindDoc="0" locked="0" layoutInCell="1" allowOverlap="1" wp14:anchorId="17FC72BA" wp14:editId="7FD31F03">
            <wp:simplePos x="0" y="0"/>
            <wp:positionH relativeFrom="column">
              <wp:posOffset>3172691</wp:posOffset>
            </wp:positionH>
            <wp:positionV relativeFrom="paragraph">
              <wp:posOffset>126365</wp:posOffset>
            </wp:positionV>
            <wp:extent cx="2209800" cy="1801091"/>
            <wp:effectExtent l="0" t="0" r="0" b="8890"/>
            <wp:wrapNone/>
            <wp:docPr id="1679991953" name="Chart 1">
              <a:extLst xmlns:a="http://schemas.openxmlformats.org/drawingml/2006/main">
                <a:ext uri="{FF2B5EF4-FFF2-40B4-BE49-F238E27FC236}">
                  <a16:creationId xmlns:a16="http://schemas.microsoft.com/office/drawing/2014/main" id="{ACFCCDBE-6583-FA3F-C61C-EFEC3DB8F36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
              </a:graphicData>
            </a:graphic>
            <wp14:sizeRelH relativeFrom="page">
              <wp14:pctWidth>0</wp14:pctWidth>
            </wp14:sizeRelH>
            <wp14:sizeRelV relativeFrom="page">
              <wp14:pctHeight>0</wp14:pctHeight>
            </wp14:sizeRelV>
          </wp:anchor>
        </w:drawing>
      </w:r>
    </w:p>
    <w:p w14:paraId="14C573FF" w14:textId="77777777" w:rsidR="0076240C" w:rsidRDefault="0076240C" w:rsidP="00241AFC">
      <w:pPr>
        <w:pStyle w:val="ListParagraph"/>
        <w:ind w:left="0"/>
        <w:rPr>
          <w:sz w:val="20"/>
          <w:szCs w:val="20"/>
        </w:rPr>
      </w:pPr>
    </w:p>
    <w:p w14:paraId="6BDEA6DA" w14:textId="1A7B50F2" w:rsidR="0076240C" w:rsidRDefault="0076240C" w:rsidP="00241AFC">
      <w:pPr>
        <w:pStyle w:val="ListParagraph"/>
        <w:ind w:left="0"/>
        <w:rPr>
          <w:sz w:val="20"/>
          <w:szCs w:val="20"/>
        </w:rPr>
      </w:pPr>
    </w:p>
    <w:p w14:paraId="2E625094" w14:textId="4FF9F401" w:rsidR="0076240C" w:rsidRDefault="0076240C" w:rsidP="00241AFC">
      <w:pPr>
        <w:pStyle w:val="ListParagraph"/>
        <w:ind w:left="0"/>
        <w:rPr>
          <w:sz w:val="20"/>
          <w:szCs w:val="20"/>
        </w:rPr>
      </w:pPr>
    </w:p>
    <w:p w14:paraId="59175344" w14:textId="6D51BCBB" w:rsidR="0076240C" w:rsidRDefault="0076240C" w:rsidP="00241AFC">
      <w:pPr>
        <w:pStyle w:val="ListParagraph"/>
        <w:ind w:left="0"/>
        <w:rPr>
          <w:sz w:val="20"/>
          <w:szCs w:val="20"/>
        </w:rPr>
      </w:pPr>
    </w:p>
    <w:p w14:paraId="56B8A9D4" w14:textId="43A2DA21" w:rsidR="0076240C" w:rsidRDefault="0076240C" w:rsidP="00241AFC">
      <w:pPr>
        <w:pStyle w:val="ListParagraph"/>
        <w:ind w:left="0"/>
        <w:rPr>
          <w:sz w:val="20"/>
          <w:szCs w:val="20"/>
        </w:rPr>
      </w:pPr>
    </w:p>
    <w:p w14:paraId="6A16EE8A" w14:textId="3833BA4F" w:rsidR="0076240C" w:rsidRDefault="0076240C" w:rsidP="00241AFC">
      <w:pPr>
        <w:pStyle w:val="ListParagraph"/>
        <w:ind w:left="0"/>
        <w:rPr>
          <w:sz w:val="20"/>
          <w:szCs w:val="20"/>
        </w:rPr>
      </w:pPr>
    </w:p>
    <w:p w14:paraId="3D62FCA5" w14:textId="4BBED421" w:rsidR="0076240C" w:rsidRDefault="0076240C" w:rsidP="00241AFC">
      <w:pPr>
        <w:pStyle w:val="ListParagraph"/>
        <w:ind w:left="0"/>
        <w:rPr>
          <w:sz w:val="20"/>
          <w:szCs w:val="20"/>
        </w:rPr>
      </w:pPr>
    </w:p>
    <w:p w14:paraId="5627D02C" w14:textId="3EDDA692" w:rsidR="0076240C" w:rsidRDefault="0076240C" w:rsidP="00241AFC">
      <w:pPr>
        <w:pStyle w:val="ListParagraph"/>
        <w:ind w:left="0"/>
        <w:rPr>
          <w:sz w:val="20"/>
          <w:szCs w:val="20"/>
        </w:rPr>
      </w:pPr>
      <w:r w:rsidRPr="0076240C">
        <w:rPr>
          <w:sz w:val="20"/>
          <w:szCs w:val="20"/>
        </w:rPr>
        <mc:AlternateContent>
          <mc:Choice Requires="wps">
            <w:drawing>
              <wp:anchor distT="0" distB="0" distL="114300" distR="114300" simplePos="0" relativeHeight="251680768" behindDoc="0" locked="0" layoutInCell="1" allowOverlap="1" wp14:anchorId="461EB8CB" wp14:editId="7E736CAB">
                <wp:simplePos x="0" y="0"/>
                <wp:positionH relativeFrom="column">
                  <wp:posOffset>5388899</wp:posOffset>
                </wp:positionH>
                <wp:positionV relativeFrom="paragraph">
                  <wp:posOffset>79087</wp:posOffset>
                </wp:positionV>
                <wp:extent cx="1032655" cy="369332"/>
                <wp:effectExtent l="0" t="0" r="0" b="0"/>
                <wp:wrapNone/>
                <wp:docPr id="783763670" name="TextBox 11"/>
                <wp:cNvGraphicFramePr xmlns:a="http://schemas.openxmlformats.org/drawingml/2006/main"/>
                <a:graphic xmlns:a="http://schemas.openxmlformats.org/drawingml/2006/main">
                  <a:graphicData uri="http://schemas.microsoft.com/office/word/2010/wordprocessingShape">
                    <wps:wsp>
                      <wps:cNvSpPr txBox="1"/>
                      <wps:spPr>
                        <a:xfrm>
                          <a:off x="0" y="0"/>
                          <a:ext cx="1032655" cy="369332"/>
                        </a:xfrm>
                        <a:prstGeom prst="rect">
                          <a:avLst/>
                        </a:prstGeom>
                        <a:noFill/>
                      </wps:spPr>
                      <wps:txbx>
                        <w:txbxContent>
                          <w:p w14:paraId="4F616BF2" w14:textId="77777777" w:rsidR="0076240C" w:rsidRPr="0076240C" w:rsidRDefault="0076240C" w:rsidP="0076240C">
                            <w:pPr>
                              <w:rPr>
                                <w:rFonts w:cs="Calibri"/>
                                <w:color w:val="000000" w:themeColor="text1"/>
                                <w:kern w:val="24"/>
                              </w:rPr>
                            </w:pPr>
                            <w:r w:rsidRPr="0076240C">
                              <w:rPr>
                                <w:rFonts w:cs="Calibri"/>
                                <w:color w:val="000000" w:themeColor="text1"/>
                                <w:kern w:val="24"/>
                              </w:rPr>
                              <w:t>Stripped</w:t>
                            </w:r>
                          </w:p>
                        </w:txbxContent>
                      </wps:txbx>
                      <wps:bodyPr wrap="none" rtlCol="0">
                        <a:spAutoFit/>
                      </wps:bodyPr>
                    </wps:wsp>
                  </a:graphicData>
                </a:graphic>
              </wp:anchor>
            </w:drawing>
          </mc:Choice>
          <mc:Fallback>
            <w:pict>
              <v:shape w14:anchorId="461EB8CB" id="TextBox 11" o:spid="_x0000_s1027" type="#_x0000_t202" style="position:absolute;margin-left:424.3pt;margin-top:6.25pt;width:81.3pt;height:29.1pt;z-index:251680768;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" filled="f" stroked="f">
                <v:textbox style="mso-fit-shape-to-text:t">
                  <w:txbxContent>
                    <w:p w14:paraId="4F616BF2" w14:textId="77777777" w:rsidR="0076240C" w:rsidRPr="0076240C" w:rsidRDefault="0076240C" w:rsidP="0076240C">
                      <w:pPr>
                        <w:rPr>
                          <w:rFonts w:cs="Calibri"/>
                          <w:color w:val="000000" w:themeColor="text1"/>
                          <w:kern w:val="24"/>
                        </w:rPr>
                      </w:pPr>
                      <w:r w:rsidRPr="0076240C">
                        <w:rPr>
                          <w:rFonts w:cs="Calibri"/>
                          <w:color w:val="000000" w:themeColor="text1"/>
                          <w:kern w:val="24"/>
                        </w:rPr>
                        <w:t>Stripped</w:t>
                      </w:r>
                    </w:p>
                  </w:txbxContent>
                </v:textbox>
              </v:shape>
            </w:pict>
          </mc:Fallback>
        </mc:AlternateContent>
      </w:r>
    </w:p>
    <w:p w14:paraId="0FDA360C" w14:textId="77777777" w:rsidR="0076240C" w:rsidRDefault="0076240C" w:rsidP="00241AFC">
      <w:pPr>
        <w:pStyle w:val="ListParagraph"/>
        <w:ind w:left="0"/>
        <w:rPr>
          <w:sz w:val="20"/>
          <w:szCs w:val="20"/>
        </w:rPr>
      </w:pPr>
    </w:p>
    <w:p w14:paraId="703D8137" w14:textId="77777777" w:rsidR="0076240C" w:rsidRDefault="0076240C" w:rsidP="00241AFC">
      <w:pPr>
        <w:pStyle w:val="ListParagraph"/>
        <w:ind w:left="0"/>
        <w:rPr>
          <w:sz w:val="20"/>
          <w:szCs w:val="20"/>
        </w:rPr>
      </w:pPr>
    </w:p>
    <w:p w14:paraId="6127A494" w14:textId="77777777" w:rsidR="0076240C" w:rsidRDefault="0076240C" w:rsidP="00241AFC">
      <w:pPr>
        <w:pStyle w:val="ListParagraph"/>
        <w:ind w:left="0"/>
        <w:rPr>
          <w:sz w:val="20"/>
          <w:szCs w:val="20"/>
        </w:rPr>
      </w:pPr>
    </w:p>
    <w:p w14:paraId="12FE87C5" w14:textId="77777777" w:rsidR="0076240C" w:rsidRDefault="0076240C" w:rsidP="00241AFC">
      <w:pPr>
        <w:pStyle w:val="ListParagraph"/>
        <w:ind w:left="0"/>
        <w:rPr>
          <w:sz w:val="20"/>
          <w:szCs w:val="20"/>
        </w:rPr>
      </w:pPr>
    </w:p>
    <w:p w14:paraId="341AF3DA" w14:textId="77777777" w:rsidR="0076240C" w:rsidRPr="0076240C" w:rsidRDefault="0076240C" w:rsidP="0076240C">
      <w:pPr>
        <w:pStyle w:val="ListParagraph"/>
        <w:ind w:left="0"/>
        <w:jc w:val="center"/>
      </w:pPr>
    </w:p>
    <w:p w14:paraId="53A997B2" w14:textId="5472E7C2" w:rsidR="0076240C" w:rsidRDefault="0076240C" w:rsidP="0076240C">
      <w:pPr>
        <w:pStyle w:val="ListParagraph"/>
        <w:ind w:left="0"/>
        <w:jc w:val="center"/>
      </w:pPr>
      <w:r w:rsidRPr="0076240C">
        <w:t>Figure1 – PSPA Testing and Result</w:t>
      </w:r>
    </w:p>
    <w:p w14:paraId="75D58A3D" w14:textId="77777777" w:rsidR="0076240C" w:rsidRDefault="0076240C" w:rsidP="0076240C">
      <w:pPr>
        <w:pStyle w:val="ListParagraph"/>
        <w:ind w:left="0"/>
        <w:jc w:val="center"/>
      </w:pPr>
    </w:p>
    <w:p w14:paraId="6FA2BFA5" w14:textId="5D5574B2" w:rsidR="00E12CBA" w:rsidRDefault="007B16A4" w:rsidP="007B16A4">
      <w:pPr>
        <w:pStyle w:val="ListParagraph"/>
        <w:ind w:left="-270" w:firstLine="90"/>
        <w:jc w:val="center"/>
      </w:pPr>
      <w:r w:rsidRPr="0076240C">
        <w:drawing>
          <wp:anchor distT="0" distB="0" distL="114300" distR="114300" simplePos="0" relativeHeight="251683840" behindDoc="0" locked="0" layoutInCell="1" allowOverlap="1" wp14:anchorId="6B7E2174" wp14:editId="0508263A">
            <wp:simplePos x="0" y="0"/>
            <wp:positionH relativeFrom="margin">
              <wp:posOffset>-117765</wp:posOffset>
            </wp:positionH>
            <wp:positionV relativeFrom="paragraph">
              <wp:posOffset>169083</wp:posOffset>
            </wp:positionV>
            <wp:extent cx="6373091" cy="981691"/>
            <wp:effectExtent l="0" t="0" r="0" b="9525"/>
            <wp:wrapNone/>
            <wp:docPr id="1599708579" name="Picture 3" descr="A screen shot of a computer&#10;&#10;AI-generated content may be incorrect.">
              <a:extLst xmlns:a="http://schemas.openxmlformats.org/drawingml/2006/main">
                <a:ext uri="{FF2B5EF4-FFF2-40B4-BE49-F238E27FC236}">
                  <a16:creationId xmlns:a16="http://schemas.microsoft.com/office/drawing/2014/main" id="{07B2FB93-18FB-3BD5-F490-BE19CFC277C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99708579" name="Picture 3" descr="A screen shot of a computer&#10;&#10;AI-generated content may be incorrect.">
                      <a:extLst>
                        <a:ext uri="{FF2B5EF4-FFF2-40B4-BE49-F238E27FC236}">
                          <a16:creationId xmlns:a16="http://schemas.microsoft.com/office/drawing/2014/main" id="{07B2FB93-18FB-3BD5-F490-BE19CFC277CA}"/>
                        </a:ext>
                      </a:extLst>
                    </pic:cNvPr>
                    <pic:cNvPicPr>
                      <a:picLocks noChangeAspect="1"/>
                    </pic:cNvPicPr>
                  </pic:nvPicPr>
                  <pic:blipFill>
                    <a:blip r:embed="rId8"/>
                    <a:stretch>
                      <a:fillRect/>
                    </a:stretch>
                  </pic:blipFill>
                  <pic:spPr>
                    <a:xfrm>
                      <a:off x="0" y="0"/>
                      <a:ext cx="6449679" cy="993488"/>
                    </a:xfrm>
                    <a:prstGeom prst="rect">
                      <a:avLst/>
                    </a:prstGeom>
                  </pic:spPr>
                </pic:pic>
              </a:graphicData>
            </a:graphic>
            <wp14:sizeRelH relativeFrom="margin">
              <wp14:pctWidth>0</wp14:pctWidth>
            </wp14:sizeRelH>
          </wp:anchor>
        </w:drawing>
      </w:r>
    </w:p>
    <w:p w14:paraId="5AD00923" w14:textId="6C88F615" w:rsidR="0076240C" w:rsidRDefault="0076240C" w:rsidP="0076240C">
      <w:pPr>
        <w:pStyle w:val="ListParagraph"/>
        <w:ind w:left="0"/>
        <w:jc w:val="center"/>
      </w:pPr>
    </w:p>
    <w:p w14:paraId="3DC7A529" w14:textId="77777777" w:rsidR="0076240C" w:rsidRDefault="0076240C" w:rsidP="0076240C">
      <w:pPr>
        <w:pStyle w:val="ListParagraph"/>
        <w:ind w:left="0"/>
        <w:jc w:val="center"/>
      </w:pPr>
    </w:p>
    <w:p w14:paraId="434C5CDE" w14:textId="77777777" w:rsidR="0076240C" w:rsidRDefault="0076240C" w:rsidP="0076240C">
      <w:pPr>
        <w:pStyle w:val="ListParagraph"/>
        <w:ind w:left="0"/>
        <w:jc w:val="center"/>
      </w:pPr>
    </w:p>
    <w:p w14:paraId="0D02CEFD" w14:textId="77777777" w:rsidR="0076240C" w:rsidRDefault="0076240C" w:rsidP="0076240C">
      <w:pPr>
        <w:pStyle w:val="ListParagraph"/>
        <w:ind w:left="0"/>
        <w:jc w:val="center"/>
      </w:pPr>
    </w:p>
    <w:p w14:paraId="795322F0" w14:textId="77777777" w:rsidR="0076240C" w:rsidRDefault="0076240C" w:rsidP="0076240C">
      <w:pPr>
        <w:pStyle w:val="ListParagraph"/>
        <w:ind w:left="0"/>
        <w:jc w:val="center"/>
      </w:pPr>
    </w:p>
    <w:p w14:paraId="4017A4B3" w14:textId="77777777" w:rsidR="0076240C" w:rsidRDefault="0076240C" w:rsidP="0076240C">
      <w:pPr>
        <w:pStyle w:val="ListParagraph"/>
        <w:ind w:left="0"/>
        <w:jc w:val="center"/>
      </w:pPr>
    </w:p>
    <w:p w14:paraId="7F057358" w14:textId="77777777" w:rsidR="0076240C" w:rsidRDefault="0076240C" w:rsidP="0076240C">
      <w:pPr>
        <w:pStyle w:val="ListParagraph"/>
        <w:ind w:left="0"/>
        <w:jc w:val="center"/>
      </w:pPr>
    </w:p>
    <w:p w14:paraId="2D76F79E" w14:textId="43B239DC" w:rsidR="0076240C" w:rsidRDefault="0076240C" w:rsidP="0076240C">
      <w:pPr>
        <w:pStyle w:val="ListParagraph"/>
        <w:ind w:left="0"/>
        <w:jc w:val="center"/>
      </w:pPr>
      <w:r w:rsidRPr="0076240C">
        <w:drawing>
          <wp:anchor distT="0" distB="0" distL="114300" distR="114300" simplePos="0" relativeHeight="251684864" behindDoc="0" locked="0" layoutInCell="1" allowOverlap="1" wp14:anchorId="17689A79" wp14:editId="21F92645">
            <wp:simplePos x="0" y="0"/>
            <wp:positionH relativeFrom="column">
              <wp:posOffset>124344</wp:posOffset>
            </wp:positionH>
            <wp:positionV relativeFrom="paragraph">
              <wp:posOffset>7043</wp:posOffset>
            </wp:positionV>
            <wp:extent cx="5943600" cy="783590"/>
            <wp:effectExtent l="0" t="0" r="0" b="0"/>
            <wp:wrapNone/>
            <wp:docPr id="6" name="Picture 5">
              <a:extLst xmlns:a="http://schemas.openxmlformats.org/drawingml/2006/main">
                <a:ext uri="{FF2B5EF4-FFF2-40B4-BE49-F238E27FC236}">
                  <a16:creationId xmlns:a16="http://schemas.microsoft.com/office/drawing/2014/main" id="{D63AE68B-2710-57F9-2C2C-ABDA6500517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D63AE68B-2710-57F9-2C2C-ABDA65005174}"/>
                        </a:ext>
                      </a:extLst>
                    </pic:cNvPr>
                    <pic:cNvPicPr>
                      <a:picLocks noChangeAspect="1"/>
                    </pic:cNvPicPr>
                  </pic:nvPicPr>
                  <pic:blipFill>
                    <a:blip r:embed="rId9"/>
                    <a:stretch>
                      <a:fillRect/>
                    </a:stretch>
                  </pic:blipFill>
                  <pic:spPr>
                    <a:xfrm>
                      <a:off x="0" y="0"/>
                      <a:ext cx="5943600" cy="783590"/>
                    </a:xfrm>
                    <a:prstGeom prst="rect">
                      <a:avLst/>
                    </a:prstGeom>
                  </pic:spPr>
                </pic:pic>
              </a:graphicData>
            </a:graphic>
          </wp:anchor>
        </w:drawing>
      </w:r>
    </w:p>
    <w:p w14:paraId="339AEAA9" w14:textId="77777777" w:rsidR="0076240C" w:rsidRDefault="0076240C" w:rsidP="0076240C">
      <w:pPr>
        <w:pStyle w:val="ListParagraph"/>
        <w:ind w:left="0"/>
        <w:jc w:val="center"/>
      </w:pPr>
    </w:p>
    <w:p w14:paraId="07CCEB3B" w14:textId="77777777" w:rsidR="0076240C" w:rsidRDefault="0076240C" w:rsidP="0076240C">
      <w:pPr>
        <w:pStyle w:val="ListParagraph"/>
        <w:ind w:left="0"/>
        <w:jc w:val="center"/>
      </w:pPr>
    </w:p>
    <w:p w14:paraId="62330934" w14:textId="77777777" w:rsidR="0076240C" w:rsidRDefault="0076240C" w:rsidP="0076240C">
      <w:pPr>
        <w:pStyle w:val="ListParagraph"/>
        <w:ind w:left="0"/>
        <w:jc w:val="center"/>
      </w:pPr>
    </w:p>
    <w:p w14:paraId="03D3B8C9" w14:textId="77777777" w:rsidR="0076240C" w:rsidRDefault="0076240C" w:rsidP="0076240C">
      <w:pPr>
        <w:pStyle w:val="ListParagraph"/>
        <w:ind w:left="0"/>
        <w:jc w:val="center"/>
      </w:pPr>
    </w:p>
    <w:p w14:paraId="6E43AC6B" w14:textId="0ED6CEBD" w:rsidR="0076240C" w:rsidRDefault="00E12CBA" w:rsidP="0076240C">
      <w:pPr>
        <w:pStyle w:val="ListParagraph"/>
        <w:ind w:left="0"/>
        <w:jc w:val="center"/>
      </w:pPr>
      <w:r>
        <w:t>Figure 2 - GPR Data (above) Showing Embedded Defects (below)</w:t>
      </w:r>
    </w:p>
    <w:p w14:paraId="1C80F028" w14:textId="77777777" w:rsidR="0076240C" w:rsidRDefault="0076240C" w:rsidP="0076240C">
      <w:pPr>
        <w:pStyle w:val="ListParagraph"/>
        <w:ind w:left="0"/>
        <w:jc w:val="center"/>
      </w:pPr>
    </w:p>
    <w:p w14:paraId="4279258F" w14:textId="3E12D4C3" w:rsidR="00F1028A" w:rsidRDefault="007B16A4" w:rsidP="00760729">
      <w:pPr>
        <w:rPr>
          <w:sz w:val="20"/>
          <w:szCs w:val="20"/>
        </w:rPr>
        <w:sectPr w:rsidR="00F1028A" w:rsidSect="000B1F02">
          <w:pgSz w:w="12240" w:h="15840" w:code="1"/>
          <w:pgMar w:top="1440" w:right="1440" w:bottom="1440" w:left="1440" w:header="720" w:footer="720" w:gutter="0"/>
          <w:cols w:space="720"/>
          <w:docGrid w:linePitch="360"/>
        </w:sectPr>
      </w:pPr>
      <w:r>
        <w:rPr>
          <w:sz w:val="20"/>
          <w:szCs w:val="20"/>
        </w:rPr>
        <w:t xml:space="preserve">Figure </w:t>
      </w:r>
      <w:r w:rsidR="00B73692">
        <w:rPr>
          <w:sz w:val="20"/>
          <w:szCs w:val="20"/>
        </w:rPr>
        <w:t>4</w:t>
      </w:r>
      <w:r>
        <w:rPr>
          <w:sz w:val="20"/>
          <w:szCs w:val="20"/>
        </w:rPr>
        <w:t xml:space="preserve"> shows examples of the results of the GPR processing and Figure </w:t>
      </w:r>
      <w:r w:rsidR="00AE449B">
        <w:rPr>
          <w:sz w:val="20"/>
          <w:szCs w:val="20"/>
        </w:rPr>
        <w:t>5</w:t>
      </w:r>
      <w:r>
        <w:rPr>
          <w:sz w:val="20"/>
          <w:szCs w:val="20"/>
        </w:rPr>
        <w:t xml:space="preserve"> shows results of the FWD SCI-12 processing</w:t>
      </w:r>
      <w:r w:rsidR="00AE449B">
        <w:rPr>
          <w:sz w:val="20"/>
          <w:szCs w:val="20"/>
        </w:rPr>
        <w:t xml:space="preserve">. </w:t>
      </w:r>
      <w:r w:rsidR="004A09DD">
        <w:rPr>
          <w:sz w:val="20"/>
          <w:szCs w:val="20"/>
        </w:rPr>
        <w:t>Th</w:t>
      </w:r>
      <w:r w:rsidR="00AE449B">
        <w:rPr>
          <w:sz w:val="20"/>
          <w:szCs w:val="20"/>
        </w:rPr>
        <w:t xml:space="preserve">e above </w:t>
      </w:r>
      <w:r w:rsidR="004A09DD">
        <w:rPr>
          <w:sz w:val="20"/>
          <w:szCs w:val="20"/>
        </w:rPr>
        <w:t xml:space="preserve">processing was carried out at all </w:t>
      </w:r>
      <w:r w:rsidR="00AE449B">
        <w:rPr>
          <w:sz w:val="20"/>
          <w:szCs w:val="20"/>
        </w:rPr>
        <w:t xml:space="preserve">available core test locations. </w:t>
      </w:r>
      <w:r w:rsidR="00AE449B">
        <w:rPr>
          <w:sz w:val="20"/>
          <w:szCs w:val="20"/>
        </w:rPr>
        <w:t>Figure 6 shows the results of a GPR reflection activity analysis on a section of US-93 in Nevada along with the location of core NV4</w:t>
      </w:r>
    </w:p>
    <w:p w14:paraId="1B3CDC87" w14:textId="77777777" w:rsidR="00F1028A" w:rsidRDefault="00F1028A" w:rsidP="00241AFC">
      <w:pPr>
        <w:pStyle w:val="ListParagraph"/>
        <w:ind w:left="0"/>
        <w:rPr>
          <w:sz w:val="20"/>
          <w:szCs w:val="20"/>
        </w:rPr>
      </w:pPr>
    </w:p>
    <w:p w14:paraId="4E9FF1FD" w14:textId="77777777" w:rsidR="00F1028A" w:rsidRDefault="00F1028A" w:rsidP="00241AFC">
      <w:pPr>
        <w:pStyle w:val="ListParagraph"/>
        <w:ind w:left="0"/>
        <w:rPr>
          <w:sz w:val="20"/>
          <w:szCs w:val="20"/>
        </w:rPr>
      </w:pPr>
    </w:p>
    <w:p w14:paraId="4E840952" w14:textId="08E4DA86" w:rsidR="00F1028A" w:rsidRDefault="00F1028A" w:rsidP="00241AFC">
      <w:pPr>
        <w:pStyle w:val="ListParagraph"/>
        <w:ind w:left="0"/>
        <w:rPr>
          <w:sz w:val="20"/>
          <w:szCs w:val="20"/>
        </w:rPr>
      </w:pPr>
      <w:r w:rsidRPr="00F1028A">
        <w:rPr>
          <w:sz w:val="20"/>
          <w:szCs w:val="20"/>
        </w:rPr>
        <mc:AlternateContent>
          <mc:Choice Requires="wps">
            <w:drawing>
              <wp:anchor distT="0" distB="0" distL="114300" distR="114300" simplePos="0" relativeHeight="251664384" behindDoc="0" locked="0" layoutInCell="1" allowOverlap="1" wp14:anchorId="3643ACC4" wp14:editId="361DB89A">
                <wp:simplePos x="0" y="0"/>
                <wp:positionH relativeFrom="column">
                  <wp:posOffset>27998</wp:posOffset>
                </wp:positionH>
                <wp:positionV relativeFrom="paragraph">
                  <wp:posOffset>6985</wp:posOffset>
                </wp:positionV>
                <wp:extent cx="2192020" cy="307340"/>
                <wp:effectExtent l="0" t="0" r="0" b="0"/>
                <wp:wrapNone/>
                <wp:docPr id="11" name="TextBox 10">
                  <a:extLst xmlns:a="http://schemas.openxmlformats.org/drawingml/2006/main">
                    <a:ext uri="{FF2B5EF4-FFF2-40B4-BE49-F238E27FC236}">
                      <a16:creationId xmlns:a16="http://schemas.microsoft.com/office/drawing/2014/main" id="{A3FB6B9D-4B0A-140A-D681-42A61A651859}"/>
                    </a:ext>
                  </a:extLst>
                </wp:docPr>
                <wp:cNvGraphicFramePr/>
                <a:graphic xmlns:a="http://schemas.openxmlformats.org/drawingml/2006/main">
                  <a:graphicData uri="http://schemas.microsoft.com/office/word/2010/wordprocessingShape">
                    <wps:wsp>
                      <wps:cNvSpPr txBox="1"/>
                      <wps:spPr>
                        <a:xfrm>
                          <a:off x="0" y="0"/>
                          <a:ext cx="2192020" cy="307340"/>
                        </a:xfrm>
                        <a:prstGeom prst="rect">
                          <a:avLst/>
                        </a:prstGeom>
                        <a:noFill/>
                      </wps:spPr>
                      <wps:txbx>
                        <w:txbxContent>
                          <w:p w14:paraId="52B1AB1B" w14:textId="77777777" w:rsidR="00F1028A" w:rsidRPr="00F1028A" w:rsidRDefault="00F1028A" w:rsidP="00F1028A">
                            <w:pPr>
                              <w:rPr>
                                <w:rFonts w:asciiTheme="minorHAnsi" w:hAnsi="Aptos" w:cstheme="minorBidi"/>
                                <w:color w:val="000000" w:themeColor="text1"/>
                                <w:kern w:val="24"/>
                                <w:sz w:val="20"/>
                                <w:szCs w:val="20"/>
                              </w:rPr>
                            </w:pPr>
                            <w:r w:rsidRPr="00F1028A">
                              <w:rPr>
                                <w:rFonts w:asciiTheme="minorHAnsi" w:hAnsi="Aptos" w:cstheme="minorBidi"/>
                                <w:color w:val="000000" w:themeColor="text1"/>
                                <w:kern w:val="24"/>
                                <w:sz w:val="20"/>
                                <w:szCs w:val="20"/>
                              </w:rPr>
                              <w:t>IE Thickness Resonance</w:t>
                            </w:r>
                          </w:p>
                        </w:txbxContent>
                      </wps:txbx>
                      <wps:bodyPr wrap="square" rtlCol="0">
                        <a:spAutoFit/>
                      </wps:bodyPr>
                    </wps:wsp>
                  </a:graphicData>
                </a:graphic>
              </wp:anchor>
            </w:drawing>
          </mc:Choice>
          <mc:Fallback>
            <w:pict>
              <v:shape w14:anchorId="3643ACC4" id="TextBox 10" o:spid="_x0000_s1028" type="#_x0000_t202" style="position:absolute;margin-left:2.2pt;margin-top:.55pt;width:172.6pt;height:24.2pt;z-index:25166438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" filled="f" stroked="f">
                <v:textbox style="mso-fit-shape-to-text:t">
                  <w:txbxContent>
                    <w:p w14:paraId="52B1AB1B" w14:textId="77777777" w:rsidR="00F1028A" w:rsidRPr="00F1028A" w:rsidRDefault="00F1028A" w:rsidP="00F1028A">
                      <w:pPr>
                        <w:rPr>
                          <w:rFonts w:asciiTheme="minorHAnsi" w:hAnsi="Aptos" w:cstheme="minorBidi"/>
                          <w:color w:val="000000" w:themeColor="text1"/>
                          <w:kern w:val="24"/>
                          <w:sz w:val="20"/>
                          <w:szCs w:val="20"/>
                        </w:rPr>
                      </w:pPr>
                      <w:r w:rsidRPr="00F1028A">
                        <w:rPr>
                          <w:rFonts w:asciiTheme="minorHAnsi" w:hAnsi="Aptos" w:cstheme="minorBidi"/>
                          <w:color w:val="000000" w:themeColor="text1"/>
                          <w:kern w:val="24"/>
                          <w:sz w:val="20"/>
                          <w:szCs w:val="20"/>
                        </w:rPr>
                        <w:t>IE Thickness Resonance</w:t>
                      </w:r>
                    </w:p>
                  </w:txbxContent>
                </v:textbox>
              </v:shape>
            </w:pict>
          </mc:Fallback>
        </mc:AlternateContent>
      </w:r>
      <w:r w:rsidRPr="00F1028A">
        <w:rPr>
          <w:sz w:val="20"/>
          <w:szCs w:val="20"/>
        </w:rPr>
        <w:drawing>
          <wp:anchor distT="0" distB="0" distL="114300" distR="114300" simplePos="0" relativeHeight="251659264" behindDoc="0" locked="0" layoutInCell="1" allowOverlap="1" wp14:anchorId="4CA0CB4D" wp14:editId="6B0F95E5">
            <wp:simplePos x="0" y="0"/>
            <wp:positionH relativeFrom="margin">
              <wp:posOffset>-276513</wp:posOffset>
            </wp:positionH>
            <wp:positionV relativeFrom="paragraph">
              <wp:posOffset>1789</wp:posOffset>
            </wp:positionV>
            <wp:extent cx="11970327" cy="3675149"/>
            <wp:effectExtent l="0" t="0" r="0" b="1905"/>
            <wp:wrapNone/>
            <wp:docPr id="5" name="Picture 4">
              <a:extLst xmlns:a="http://schemas.openxmlformats.org/drawingml/2006/main">
                <a:ext uri="{FF2B5EF4-FFF2-40B4-BE49-F238E27FC236}">
                  <a16:creationId xmlns:a16="http://schemas.microsoft.com/office/drawing/2014/main" id="{3A19A9DC-0199-0C94-45A7-A3230B01E05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3A19A9DC-0199-0C94-45A7-A3230B01E050}"/>
                        </a:ext>
                      </a:extLst>
                    </pic:cNvPr>
                    <pic:cNvPicPr>
                      <a:picLocks noChangeAspect="1"/>
                    </pic:cNvPicPr>
                  </pic:nvPicPr>
                  <pic:blipFill>
                    <a:blip r:embed="rId10"/>
                    <a:srcRect l="652" t="7817"/>
                    <a:stretch>
                      <a:fillRect/>
                    </a:stretch>
                  </pic:blipFill>
                  <pic:spPr>
                    <a:xfrm>
                      <a:off x="0" y="0"/>
                      <a:ext cx="11970327" cy="3675149"/>
                    </a:xfrm>
                    <a:prstGeom prst="rect">
                      <a:avLst/>
                    </a:prstGeom>
                  </pic:spPr>
                </pic:pic>
              </a:graphicData>
            </a:graphic>
            <wp14:sizeRelH relativeFrom="margin">
              <wp14:pctWidth>0</wp14:pctWidth>
            </wp14:sizeRelH>
            <wp14:sizeRelV relativeFrom="margin">
              <wp14:pctHeight>0</wp14:pctHeight>
            </wp14:sizeRelV>
          </wp:anchor>
        </w:drawing>
      </w:r>
    </w:p>
    <w:p w14:paraId="4618C0C7" w14:textId="6FA8717A" w:rsidR="00F1028A" w:rsidRDefault="00F1028A" w:rsidP="00241AFC">
      <w:pPr>
        <w:pStyle w:val="ListParagraph"/>
        <w:ind w:left="0"/>
        <w:rPr>
          <w:sz w:val="20"/>
          <w:szCs w:val="20"/>
        </w:rPr>
      </w:pPr>
    </w:p>
    <w:p w14:paraId="6000F23C" w14:textId="3D905DE9" w:rsidR="00F1028A" w:rsidRDefault="00F1028A" w:rsidP="00241AFC">
      <w:pPr>
        <w:pStyle w:val="ListParagraph"/>
        <w:ind w:left="0"/>
        <w:rPr>
          <w:sz w:val="20"/>
          <w:szCs w:val="20"/>
        </w:rPr>
      </w:pPr>
    </w:p>
    <w:p w14:paraId="5493D749" w14:textId="77777777" w:rsidR="00F1028A" w:rsidRDefault="00F1028A" w:rsidP="00241AFC">
      <w:pPr>
        <w:pStyle w:val="ListParagraph"/>
        <w:ind w:left="0"/>
        <w:rPr>
          <w:sz w:val="20"/>
          <w:szCs w:val="20"/>
        </w:rPr>
      </w:pPr>
    </w:p>
    <w:p w14:paraId="74EB052A" w14:textId="77777777" w:rsidR="00F1028A" w:rsidRDefault="00F1028A" w:rsidP="00241AFC">
      <w:pPr>
        <w:pStyle w:val="ListParagraph"/>
        <w:ind w:left="0"/>
        <w:rPr>
          <w:sz w:val="20"/>
          <w:szCs w:val="20"/>
        </w:rPr>
      </w:pPr>
    </w:p>
    <w:p w14:paraId="567DE394" w14:textId="77777777" w:rsidR="00F1028A" w:rsidRDefault="00F1028A" w:rsidP="00241AFC">
      <w:pPr>
        <w:pStyle w:val="ListParagraph"/>
        <w:ind w:left="0"/>
        <w:rPr>
          <w:sz w:val="20"/>
          <w:szCs w:val="20"/>
        </w:rPr>
      </w:pPr>
    </w:p>
    <w:p w14:paraId="627239AA" w14:textId="77777777" w:rsidR="00F1028A" w:rsidRDefault="00F1028A" w:rsidP="00241AFC">
      <w:pPr>
        <w:pStyle w:val="ListParagraph"/>
        <w:ind w:left="0"/>
        <w:rPr>
          <w:sz w:val="20"/>
          <w:szCs w:val="20"/>
        </w:rPr>
      </w:pPr>
    </w:p>
    <w:p w14:paraId="53B4B2BF" w14:textId="736434A8" w:rsidR="00F1028A" w:rsidRDefault="00F1028A" w:rsidP="00241AFC">
      <w:pPr>
        <w:pStyle w:val="ListParagraph"/>
        <w:ind w:left="0"/>
        <w:rPr>
          <w:sz w:val="20"/>
          <w:szCs w:val="20"/>
        </w:rPr>
      </w:pPr>
      <w:r w:rsidRPr="00F1028A">
        <w:rPr>
          <w:sz w:val="20"/>
          <w:szCs w:val="20"/>
        </w:rPr>
        <mc:AlternateContent>
          <mc:Choice Requires="wps">
            <w:drawing>
              <wp:anchor distT="0" distB="0" distL="114300" distR="114300" simplePos="0" relativeHeight="251665408" behindDoc="0" locked="0" layoutInCell="1" allowOverlap="1" wp14:anchorId="233875D3" wp14:editId="664500E6">
                <wp:simplePos x="0" y="0"/>
                <wp:positionH relativeFrom="margin">
                  <wp:align>left</wp:align>
                </wp:positionH>
                <wp:positionV relativeFrom="paragraph">
                  <wp:posOffset>65463</wp:posOffset>
                </wp:positionV>
                <wp:extent cx="2331085" cy="307340"/>
                <wp:effectExtent l="0" t="0" r="0" b="0"/>
                <wp:wrapNone/>
                <wp:docPr id="12" name="TextBox 11">
                  <a:extLst xmlns:a="http://schemas.openxmlformats.org/drawingml/2006/main">
                    <a:ext uri="{FF2B5EF4-FFF2-40B4-BE49-F238E27FC236}">
                      <a16:creationId xmlns:a16="http://schemas.microsoft.com/office/drawing/2014/main" id="{C579E124-4CD3-2110-7FE0-AF5D8BCE9384}"/>
                    </a:ext>
                  </a:extLst>
                </wp:docPr>
                <wp:cNvGraphicFramePr/>
                <a:graphic xmlns:a="http://schemas.openxmlformats.org/drawingml/2006/main">
                  <a:graphicData uri="http://schemas.microsoft.com/office/word/2010/wordprocessingShape">
                    <wps:wsp>
                      <wps:cNvSpPr txBox="1"/>
                      <wps:spPr>
                        <a:xfrm>
                          <a:off x="0" y="0"/>
                          <a:ext cx="2331085" cy="307340"/>
                        </a:xfrm>
                        <a:prstGeom prst="rect">
                          <a:avLst/>
                        </a:prstGeom>
                        <a:noFill/>
                      </wps:spPr>
                      <wps:txbx>
                        <w:txbxContent>
                          <w:p w14:paraId="1E7877D3" w14:textId="77777777" w:rsidR="00F1028A" w:rsidRPr="00F1028A" w:rsidRDefault="00F1028A" w:rsidP="00F1028A">
                            <w:pPr>
                              <w:rPr>
                                <w:rFonts w:asciiTheme="minorHAnsi" w:hAnsi="Aptos" w:cstheme="minorBidi"/>
                                <w:color w:val="000000" w:themeColor="text1"/>
                                <w:kern w:val="24"/>
                                <w:sz w:val="20"/>
                                <w:szCs w:val="20"/>
                              </w:rPr>
                            </w:pPr>
                            <w:r w:rsidRPr="00F1028A">
                              <w:rPr>
                                <w:rFonts w:asciiTheme="minorHAnsi" w:hAnsi="Aptos" w:cstheme="minorBidi"/>
                                <w:color w:val="000000" w:themeColor="text1"/>
                                <w:kern w:val="24"/>
                                <w:sz w:val="20"/>
                                <w:szCs w:val="20"/>
                              </w:rPr>
                              <w:t xml:space="preserve">PSPA modulus </w:t>
                            </w:r>
                            <w:proofErr w:type="gramStart"/>
                            <w:r w:rsidRPr="00F1028A">
                              <w:rPr>
                                <w:rFonts w:asciiTheme="minorHAnsi" w:hAnsi="Aptos" w:cstheme="minorBidi"/>
                                <w:color w:val="000000" w:themeColor="text1"/>
                                <w:kern w:val="24"/>
                                <w:sz w:val="20"/>
                                <w:szCs w:val="20"/>
                              </w:rPr>
                              <w:t>At</w:t>
                            </w:r>
                            <w:proofErr w:type="gramEnd"/>
                            <w:r w:rsidRPr="00F1028A">
                              <w:rPr>
                                <w:rFonts w:asciiTheme="minorHAnsi" w:hAnsi="Aptos" w:cstheme="minorBidi"/>
                                <w:color w:val="000000" w:themeColor="text1"/>
                                <w:kern w:val="24"/>
                                <w:sz w:val="20"/>
                                <w:szCs w:val="20"/>
                              </w:rPr>
                              <w:t xml:space="preserve"> 7” depth</w:t>
                            </w:r>
                          </w:p>
                        </w:txbxContent>
                      </wps:txbx>
                      <wps:bodyPr wrap="square" rtlCol="0">
                        <a:spAutoFit/>
                      </wps:bodyPr>
                    </wps:wsp>
                  </a:graphicData>
                </a:graphic>
              </wp:anchor>
            </w:drawing>
          </mc:Choice>
          <mc:Fallback>
            <w:pict>
              <v:shape w14:anchorId="233875D3" id="_x0000_s1029" type="#_x0000_t202" style="position:absolute;margin-left:0;margin-top:5.15pt;width:183.55pt;height:24.2pt;z-index:251665408;visibility:visible;mso-wrap-style:square;mso-wrap-distance-left:9pt;mso-wrap-distance-top:0;mso-wrap-distance-right:9pt;mso-wrap-distance-bottom:0;mso-position-horizontal:left;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" filled="f" stroked="f">
                <v:textbox style="mso-fit-shape-to-text:t">
                  <w:txbxContent>
                    <w:p w14:paraId="1E7877D3" w14:textId="77777777" w:rsidR="00F1028A" w:rsidRPr="00F1028A" w:rsidRDefault="00F1028A" w:rsidP="00F1028A">
                      <w:pPr>
                        <w:rPr>
                          <w:rFonts w:asciiTheme="minorHAnsi" w:hAnsi="Aptos" w:cstheme="minorBidi"/>
                          <w:color w:val="000000" w:themeColor="text1"/>
                          <w:kern w:val="24"/>
                          <w:sz w:val="20"/>
                          <w:szCs w:val="20"/>
                        </w:rPr>
                      </w:pPr>
                      <w:r w:rsidRPr="00F1028A">
                        <w:rPr>
                          <w:rFonts w:asciiTheme="minorHAnsi" w:hAnsi="Aptos" w:cstheme="minorBidi"/>
                          <w:color w:val="000000" w:themeColor="text1"/>
                          <w:kern w:val="24"/>
                          <w:sz w:val="20"/>
                          <w:szCs w:val="20"/>
                        </w:rPr>
                        <w:t xml:space="preserve">PSPA modulus </w:t>
                      </w:r>
                      <w:proofErr w:type="gramStart"/>
                      <w:r w:rsidRPr="00F1028A">
                        <w:rPr>
                          <w:rFonts w:asciiTheme="minorHAnsi" w:hAnsi="Aptos" w:cstheme="minorBidi"/>
                          <w:color w:val="000000" w:themeColor="text1"/>
                          <w:kern w:val="24"/>
                          <w:sz w:val="20"/>
                          <w:szCs w:val="20"/>
                        </w:rPr>
                        <w:t>At</w:t>
                      </w:r>
                      <w:proofErr w:type="gramEnd"/>
                      <w:r w:rsidRPr="00F1028A">
                        <w:rPr>
                          <w:rFonts w:asciiTheme="minorHAnsi" w:hAnsi="Aptos" w:cstheme="minorBidi"/>
                          <w:color w:val="000000" w:themeColor="text1"/>
                          <w:kern w:val="24"/>
                          <w:sz w:val="20"/>
                          <w:szCs w:val="20"/>
                        </w:rPr>
                        <w:t xml:space="preserve"> 7” depth</w:t>
                      </w:r>
                    </w:p>
                  </w:txbxContent>
                </v:textbox>
                <w10:wrap anchorx="margin"/>
              </v:shape>
            </w:pict>
          </mc:Fallback>
        </mc:AlternateContent>
      </w:r>
    </w:p>
    <w:p w14:paraId="118E20EA" w14:textId="78303DAD" w:rsidR="00F1028A" w:rsidRDefault="00F1028A" w:rsidP="00241AFC">
      <w:pPr>
        <w:pStyle w:val="ListParagraph"/>
        <w:ind w:left="0"/>
        <w:rPr>
          <w:sz w:val="20"/>
          <w:szCs w:val="20"/>
        </w:rPr>
      </w:pPr>
    </w:p>
    <w:p w14:paraId="2ADF62AA" w14:textId="6A1D53B2" w:rsidR="00F1028A" w:rsidRDefault="00F1028A" w:rsidP="00241AFC">
      <w:pPr>
        <w:pStyle w:val="ListParagraph"/>
        <w:ind w:left="0"/>
        <w:rPr>
          <w:sz w:val="20"/>
          <w:szCs w:val="20"/>
        </w:rPr>
      </w:pPr>
    </w:p>
    <w:p w14:paraId="5B2B57BC" w14:textId="77777777" w:rsidR="00F1028A" w:rsidRDefault="00F1028A" w:rsidP="00241AFC">
      <w:pPr>
        <w:pStyle w:val="ListParagraph"/>
        <w:ind w:left="0"/>
        <w:rPr>
          <w:sz w:val="20"/>
          <w:szCs w:val="20"/>
        </w:rPr>
      </w:pPr>
    </w:p>
    <w:p w14:paraId="1055A867" w14:textId="77777777" w:rsidR="00F1028A" w:rsidRDefault="00F1028A" w:rsidP="00241AFC">
      <w:pPr>
        <w:pStyle w:val="ListParagraph"/>
        <w:ind w:left="0"/>
        <w:rPr>
          <w:sz w:val="20"/>
          <w:szCs w:val="20"/>
        </w:rPr>
      </w:pPr>
    </w:p>
    <w:p w14:paraId="0B435347" w14:textId="77777777" w:rsidR="00F1028A" w:rsidRDefault="00F1028A" w:rsidP="00241AFC">
      <w:pPr>
        <w:pStyle w:val="ListParagraph"/>
        <w:ind w:left="0"/>
        <w:rPr>
          <w:sz w:val="20"/>
          <w:szCs w:val="20"/>
        </w:rPr>
      </w:pPr>
    </w:p>
    <w:p w14:paraId="64CC95A6" w14:textId="77777777" w:rsidR="00F1028A" w:rsidRDefault="00F1028A" w:rsidP="00241AFC">
      <w:pPr>
        <w:pStyle w:val="ListParagraph"/>
        <w:ind w:left="0"/>
        <w:rPr>
          <w:sz w:val="20"/>
          <w:szCs w:val="20"/>
        </w:rPr>
      </w:pPr>
    </w:p>
    <w:p w14:paraId="6BDF6248" w14:textId="68B95042" w:rsidR="00F1028A" w:rsidRDefault="00BC5B3B" w:rsidP="00241AFC">
      <w:pPr>
        <w:pStyle w:val="ListParagraph"/>
        <w:ind w:left="0"/>
        <w:rPr>
          <w:sz w:val="20"/>
          <w:szCs w:val="20"/>
        </w:rPr>
      </w:pPr>
      <w:r w:rsidRPr="00F1028A">
        <w:rPr>
          <w:sz w:val="20"/>
          <w:szCs w:val="20"/>
        </w:rPr>
        <mc:AlternateContent>
          <mc:Choice Requires="wps">
            <w:drawing>
              <wp:anchor distT="0" distB="0" distL="114300" distR="114300" simplePos="0" relativeHeight="251669504" behindDoc="0" locked="0" layoutInCell="1" allowOverlap="1" wp14:anchorId="0EA16125" wp14:editId="02E96AEA">
                <wp:simplePos x="0" y="0"/>
                <wp:positionH relativeFrom="column">
                  <wp:posOffset>-104082</wp:posOffset>
                </wp:positionH>
                <wp:positionV relativeFrom="paragraph">
                  <wp:posOffset>54610</wp:posOffset>
                </wp:positionV>
                <wp:extent cx="935182" cy="307340"/>
                <wp:effectExtent l="0" t="0" r="0" b="0"/>
                <wp:wrapNone/>
                <wp:docPr id="1908563360" name="TextBox 9"/>
                <wp:cNvGraphicFramePr xmlns:a="http://schemas.openxmlformats.org/drawingml/2006/main"/>
                <a:graphic xmlns:a="http://schemas.openxmlformats.org/drawingml/2006/main">
                  <a:graphicData uri="http://schemas.microsoft.com/office/word/2010/wordprocessingShape">
                    <wps:wsp>
                      <wps:cNvSpPr txBox="1"/>
                      <wps:spPr>
                        <a:xfrm>
                          <a:off x="0" y="0"/>
                          <a:ext cx="935182" cy="307340"/>
                        </a:xfrm>
                        <a:prstGeom prst="rect">
                          <a:avLst/>
                        </a:prstGeom>
                        <a:noFill/>
                      </wps:spPr>
                      <wps:txbx>
                        <w:txbxContent>
                          <w:p w14:paraId="12AD9D0B" w14:textId="5F186F96" w:rsidR="00BC5B3B" w:rsidRPr="00F1028A" w:rsidRDefault="00BC5B3B" w:rsidP="00BC5B3B">
                            <w:pPr>
                              <w:rPr>
                                <w:rFonts w:asciiTheme="minorHAnsi" w:hAnsi="Aptos" w:cstheme="minorBidi"/>
                                <w:color w:val="000000" w:themeColor="text1"/>
                                <w:kern w:val="24"/>
                                <w:sz w:val="20"/>
                                <w:szCs w:val="20"/>
                              </w:rPr>
                            </w:pPr>
                            <w:r>
                              <w:rPr>
                                <w:rFonts w:asciiTheme="minorHAnsi" w:hAnsi="Aptos" w:cstheme="minorBidi"/>
                                <w:color w:val="000000" w:themeColor="text1"/>
                                <w:kern w:val="24"/>
                                <w:sz w:val="20"/>
                                <w:szCs w:val="20"/>
                              </w:rPr>
                              <w:t>Test Section Plan View</w:t>
                            </w:r>
                          </w:p>
                        </w:txbxContent>
                      </wps:txbx>
                      <wps:bodyPr wrap="square" rtlCol="0">
                        <a:spAutoFit/>
                      </wps:bodyPr>
                    </wps:wsp>
                  </a:graphicData>
                </a:graphic>
                <wp14:sizeRelH relativeFrom="margin">
                  <wp14:pctWidth>0</wp14:pctWidth>
                </wp14:sizeRelH>
              </wp:anchor>
            </w:drawing>
          </mc:Choice>
          <mc:Fallback>
            <w:pict>
              <v:shape w14:anchorId="0EA16125" id="TextBox 9" o:spid="_x0000_s1030" type="#_x0000_t202" style="position:absolute;margin-left:-8.2pt;margin-top:4.3pt;width:73.65pt;height:24.2pt;z-index:2516695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" filled="f" stroked="f">
                <v:textbox style="mso-fit-shape-to-text:t">
                  <w:txbxContent>
                    <w:p w14:paraId="12AD9D0B" w14:textId="5F186F96" w:rsidR="00BC5B3B" w:rsidRPr="00F1028A" w:rsidRDefault="00BC5B3B" w:rsidP="00BC5B3B">
                      <w:pPr>
                        <w:rPr>
                          <w:rFonts w:asciiTheme="minorHAnsi" w:hAnsi="Aptos" w:cstheme="minorBidi"/>
                          <w:color w:val="000000" w:themeColor="text1"/>
                          <w:kern w:val="24"/>
                          <w:sz w:val="20"/>
                          <w:szCs w:val="20"/>
                        </w:rPr>
                      </w:pPr>
                      <w:r>
                        <w:rPr>
                          <w:rFonts w:asciiTheme="minorHAnsi" w:hAnsi="Aptos" w:cstheme="minorBidi"/>
                          <w:color w:val="000000" w:themeColor="text1"/>
                          <w:kern w:val="24"/>
                          <w:sz w:val="20"/>
                          <w:szCs w:val="20"/>
                        </w:rPr>
                        <w:t>Test Section Plan View</w:t>
                      </w:r>
                    </w:p>
                  </w:txbxContent>
                </v:textbox>
              </v:shape>
            </w:pict>
          </mc:Fallback>
        </mc:AlternateContent>
      </w:r>
    </w:p>
    <w:p w14:paraId="35763ACF" w14:textId="365B542F" w:rsidR="00F1028A" w:rsidRDefault="00F1028A" w:rsidP="00241AFC">
      <w:pPr>
        <w:pStyle w:val="ListParagraph"/>
        <w:ind w:left="0"/>
        <w:rPr>
          <w:sz w:val="20"/>
          <w:szCs w:val="20"/>
        </w:rPr>
      </w:pPr>
    </w:p>
    <w:p w14:paraId="04D228EA" w14:textId="45A0AFA9" w:rsidR="00F1028A" w:rsidRDefault="00F1028A" w:rsidP="00241AFC">
      <w:pPr>
        <w:pStyle w:val="ListParagraph"/>
        <w:ind w:left="0"/>
        <w:rPr>
          <w:sz w:val="20"/>
          <w:szCs w:val="20"/>
        </w:rPr>
      </w:pPr>
    </w:p>
    <w:p w14:paraId="59F0102B" w14:textId="6E3FAC9D" w:rsidR="00F1028A" w:rsidRDefault="00F1028A" w:rsidP="00241AFC">
      <w:pPr>
        <w:pStyle w:val="ListParagraph"/>
        <w:ind w:left="0"/>
        <w:rPr>
          <w:sz w:val="20"/>
          <w:szCs w:val="20"/>
        </w:rPr>
      </w:pPr>
    </w:p>
    <w:p w14:paraId="187B04F0" w14:textId="65230670" w:rsidR="00F1028A" w:rsidRDefault="00F1028A" w:rsidP="00241AFC">
      <w:pPr>
        <w:pStyle w:val="ListParagraph"/>
        <w:ind w:left="0"/>
        <w:rPr>
          <w:sz w:val="20"/>
          <w:szCs w:val="20"/>
        </w:rPr>
      </w:pPr>
      <w:r w:rsidRPr="00F1028A">
        <w:rPr>
          <w:sz w:val="20"/>
          <w:szCs w:val="20"/>
        </w:rPr>
        <mc:AlternateContent>
          <mc:Choice Requires="wps">
            <w:drawing>
              <wp:anchor distT="0" distB="0" distL="114300" distR="114300" simplePos="0" relativeHeight="251663360" behindDoc="0" locked="0" layoutInCell="1" allowOverlap="1" wp14:anchorId="309D22EE" wp14:editId="3773872B">
                <wp:simplePos x="0" y="0"/>
                <wp:positionH relativeFrom="column">
                  <wp:posOffset>349250</wp:posOffset>
                </wp:positionH>
                <wp:positionV relativeFrom="paragraph">
                  <wp:posOffset>31115</wp:posOffset>
                </wp:positionV>
                <wp:extent cx="1344930" cy="307340"/>
                <wp:effectExtent l="0" t="0" r="0" b="0"/>
                <wp:wrapNone/>
                <wp:docPr id="10" name="TextBox 9">
                  <a:extLst xmlns:a="http://schemas.openxmlformats.org/drawingml/2006/main">
                    <a:ext uri="{FF2B5EF4-FFF2-40B4-BE49-F238E27FC236}">
                      <a16:creationId xmlns:a16="http://schemas.microsoft.com/office/drawing/2014/main" id="{1F6DE30D-9C5F-B9B4-7FBE-2D4B5F2380EB}"/>
                    </a:ext>
                  </a:extLst>
                </wp:docPr>
                <wp:cNvGraphicFramePr/>
                <a:graphic xmlns:a="http://schemas.openxmlformats.org/drawingml/2006/main">
                  <a:graphicData uri="http://schemas.microsoft.com/office/word/2010/wordprocessingShape">
                    <wps:wsp>
                      <wps:cNvSpPr txBox="1"/>
                      <wps:spPr>
                        <a:xfrm>
                          <a:off x="0" y="0"/>
                          <a:ext cx="1344930" cy="307340"/>
                        </a:xfrm>
                        <a:prstGeom prst="rect">
                          <a:avLst/>
                        </a:prstGeom>
                        <a:noFill/>
                      </wps:spPr>
                      <wps:txbx>
                        <w:txbxContent>
                          <w:p w14:paraId="69FC12BC" w14:textId="77777777" w:rsidR="00F1028A" w:rsidRPr="00F1028A" w:rsidRDefault="00F1028A" w:rsidP="00F1028A">
                            <w:pPr>
                              <w:rPr>
                                <w:rFonts w:asciiTheme="minorHAnsi" w:hAnsi="Aptos" w:cstheme="minorBidi"/>
                                <w:color w:val="000000" w:themeColor="text1"/>
                                <w:kern w:val="24"/>
                                <w:sz w:val="20"/>
                                <w:szCs w:val="20"/>
                              </w:rPr>
                            </w:pPr>
                            <w:r w:rsidRPr="00F1028A">
                              <w:rPr>
                                <w:rFonts w:asciiTheme="minorHAnsi" w:hAnsi="Aptos" w:cstheme="minorBidi"/>
                                <w:color w:val="000000" w:themeColor="text1"/>
                                <w:kern w:val="24"/>
                                <w:sz w:val="20"/>
                                <w:szCs w:val="20"/>
                              </w:rPr>
                              <w:t>FWD (SCI_300)</w:t>
                            </w:r>
                          </w:p>
                        </w:txbxContent>
                      </wps:txbx>
                      <wps:bodyPr wrap="square" rtlCol="0">
                        <a:spAutoFit/>
                      </wps:bodyPr>
                    </wps:wsp>
                  </a:graphicData>
                </a:graphic>
              </wp:anchor>
            </w:drawing>
          </mc:Choice>
          <mc:Fallback>
            <w:pict>
              <v:shape w14:anchorId="309D22EE" id="_x0000_s1031" type="#_x0000_t202" style="position:absolute;margin-left:27.5pt;margin-top:2.45pt;width:105.9pt;height:24.2pt;z-index:2516633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" filled="f" stroked="f">
                <v:textbox style="mso-fit-shape-to-text:t">
                  <w:txbxContent>
                    <w:p w14:paraId="69FC12BC" w14:textId="77777777" w:rsidR="00F1028A" w:rsidRPr="00F1028A" w:rsidRDefault="00F1028A" w:rsidP="00F1028A">
                      <w:pPr>
                        <w:rPr>
                          <w:rFonts w:asciiTheme="minorHAnsi" w:hAnsi="Aptos" w:cstheme="minorBidi"/>
                          <w:color w:val="000000" w:themeColor="text1"/>
                          <w:kern w:val="24"/>
                          <w:sz w:val="20"/>
                          <w:szCs w:val="20"/>
                        </w:rPr>
                      </w:pPr>
                      <w:r w:rsidRPr="00F1028A">
                        <w:rPr>
                          <w:rFonts w:asciiTheme="minorHAnsi" w:hAnsi="Aptos" w:cstheme="minorBidi"/>
                          <w:color w:val="000000" w:themeColor="text1"/>
                          <w:kern w:val="24"/>
                          <w:sz w:val="20"/>
                          <w:szCs w:val="20"/>
                        </w:rPr>
                        <w:t>FWD (SCI_300)</w:t>
                      </w:r>
                    </w:p>
                  </w:txbxContent>
                </v:textbox>
              </v:shape>
            </w:pict>
          </mc:Fallback>
        </mc:AlternateContent>
      </w:r>
    </w:p>
    <w:p w14:paraId="3DBEB0D9" w14:textId="7BFA0DAC" w:rsidR="00D10B51" w:rsidRDefault="00D10B51" w:rsidP="00241AFC">
      <w:pPr>
        <w:pStyle w:val="ListParagraph"/>
        <w:ind w:left="0"/>
        <w:rPr>
          <w:sz w:val="20"/>
          <w:szCs w:val="20"/>
        </w:rPr>
      </w:pPr>
    </w:p>
    <w:p w14:paraId="6AAEB16C" w14:textId="4CE09C92" w:rsidR="00F1028A" w:rsidRDefault="00241AFC" w:rsidP="00241AFC">
      <w:pPr>
        <w:pStyle w:val="ListParagraph"/>
        <w:ind w:left="0"/>
        <w:rPr>
          <w:sz w:val="20"/>
          <w:szCs w:val="20"/>
        </w:rPr>
      </w:pPr>
      <w:r w:rsidRPr="00001AEB">
        <w:rPr>
          <w:sz w:val="20"/>
          <w:szCs w:val="20"/>
        </w:rPr>
        <w:t>,</w:t>
      </w:r>
    </w:p>
    <w:p w14:paraId="1414AB89" w14:textId="77777777" w:rsidR="00F1028A" w:rsidRDefault="00F1028A" w:rsidP="00241AFC">
      <w:pPr>
        <w:pStyle w:val="ListParagraph"/>
        <w:ind w:left="0"/>
        <w:rPr>
          <w:sz w:val="20"/>
          <w:szCs w:val="20"/>
        </w:rPr>
      </w:pPr>
    </w:p>
    <w:p w14:paraId="3D7497FC" w14:textId="591F492A" w:rsidR="00822E9A" w:rsidRDefault="00822E9A" w:rsidP="00822E9A">
      <w:pPr>
        <w:jc w:val="center"/>
        <w:rPr>
          <w:rFonts w:asciiTheme="minorHAnsi" w:hAnsiTheme="minorHAnsi" w:cstheme="minorHAnsi"/>
          <w:b/>
          <w:bCs/>
          <w:sz w:val="20"/>
          <w:szCs w:val="20"/>
        </w:rPr>
      </w:pPr>
    </w:p>
    <w:p w14:paraId="375315B9" w14:textId="279BBD63" w:rsidR="00822E9A" w:rsidRDefault="00822E9A" w:rsidP="00822E9A">
      <w:pPr>
        <w:jc w:val="center"/>
        <w:rPr>
          <w:rFonts w:asciiTheme="minorHAnsi" w:hAnsiTheme="minorHAnsi" w:cstheme="minorHAnsi"/>
          <w:b/>
          <w:bCs/>
          <w:sz w:val="20"/>
          <w:szCs w:val="20"/>
        </w:rPr>
      </w:pPr>
    </w:p>
    <w:p w14:paraId="6D8BE25C" w14:textId="0CAABB1C" w:rsidR="00822E9A" w:rsidRDefault="00E1528A" w:rsidP="00822E9A">
      <w:pPr>
        <w:rPr>
          <w:rFonts w:asciiTheme="minorHAnsi" w:hAnsiTheme="minorHAnsi" w:cstheme="minorHAnsi"/>
          <w:b/>
          <w:bCs/>
          <w:sz w:val="20"/>
          <w:szCs w:val="20"/>
        </w:rPr>
      </w:pPr>
      <w:r w:rsidRPr="00F1028A">
        <w:rPr>
          <w:sz w:val="20"/>
          <w:szCs w:val="20"/>
        </w:rPr>
        <mc:AlternateContent>
          <mc:Choice Requires="wps">
            <w:drawing>
              <wp:anchor distT="0" distB="0" distL="114300" distR="114300" simplePos="0" relativeHeight="251667456" behindDoc="0" locked="0" layoutInCell="1" allowOverlap="1" wp14:anchorId="19A1924A" wp14:editId="0CD8DF97">
                <wp:simplePos x="0" y="0"/>
                <wp:positionH relativeFrom="margin">
                  <wp:align>left</wp:align>
                </wp:positionH>
                <wp:positionV relativeFrom="paragraph">
                  <wp:posOffset>157480</wp:posOffset>
                </wp:positionV>
                <wp:extent cx="1932709" cy="307340"/>
                <wp:effectExtent l="0" t="0" r="0" b="0"/>
                <wp:wrapNone/>
                <wp:docPr id="750905025" name="TextBox 9"/>
                <wp:cNvGraphicFramePr xmlns:a="http://schemas.openxmlformats.org/drawingml/2006/main"/>
                <a:graphic xmlns:a="http://schemas.openxmlformats.org/drawingml/2006/main">
                  <a:graphicData uri="http://schemas.microsoft.com/office/word/2010/wordprocessingShape">
                    <wps:wsp>
                      <wps:cNvSpPr txBox="1"/>
                      <wps:spPr>
                        <a:xfrm>
                          <a:off x="0" y="0"/>
                          <a:ext cx="1932709" cy="307340"/>
                        </a:xfrm>
                        <a:prstGeom prst="rect">
                          <a:avLst/>
                        </a:prstGeom>
                        <a:noFill/>
                      </wps:spPr>
                      <wps:txbx>
                        <w:txbxContent>
                          <w:p w14:paraId="6E2A3C24" w14:textId="479CA4AC" w:rsidR="00E1528A" w:rsidRPr="00F1028A" w:rsidRDefault="00E1528A" w:rsidP="00E1528A">
                            <w:pPr>
                              <w:rPr>
                                <w:rFonts w:asciiTheme="minorHAnsi" w:hAnsi="Aptos" w:cstheme="minorBidi"/>
                                <w:color w:val="000000" w:themeColor="text1"/>
                                <w:kern w:val="24"/>
                                <w:sz w:val="20"/>
                                <w:szCs w:val="20"/>
                              </w:rPr>
                            </w:pPr>
                            <w:r>
                              <w:rPr>
                                <w:rFonts w:asciiTheme="minorHAnsi" w:hAnsi="Aptos" w:cstheme="minorBidi"/>
                                <w:color w:val="000000" w:themeColor="text1"/>
                                <w:kern w:val="24"/>
                                <w:sz w:val="20"/>
                                <w:szCs w:val="20"/>
                              </w:rPr>
                              <w:t>3DGPR Activity Analysis</w:t>
                            </w:r>
                          </w:p>
                        </w:txbxContent>
                      </wps:txbx>
                      <wps:bodyPr wrap="square" rtlCol="0">
                        <a:spAutoFit/>
                      </wps:bodyPr>
                    </wps:wsp>
                  </a:graphicData>
                </a:graphic>
                <wp14:sizeRelH relativeFrom="margin">
                  <wp14:pctWidth>0</wp14:pctWidth>
                </wp14:sizeRelH>
              </wp:anchor>
            </w:drawing>
          </mc:Choice>
          <mc:Fallback>
            <w:pict>
              <v:shape w14:anchorId="19A1924A" id="_x0000_s1032" type="#_x0000_t202" style="position:absolute;margin-left:0;margin-top:12.4pt;width:152.2pt;height:24.2pt;z-index:251667456;visibility:visible;mso-wrap-style:square;mso-width-percent:0;mso-wrap-distance-left:9pt;mso-wrap-distance-top:0;mso-wrap-distance-right:9pt;mso-wrap-distance-bottom:0;mso-position-horizontal:lef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" filled="f" stroked="f">
                <v:textbox style="mso-fit-shape-to-text:t">
                  <w:txbxContent>
                    <w:p w14:paraId="6E2A3C24" w14:textId="479CA4AC" w:rsidR="00E1528A" w:rsidRPr="00F1028A" w:rsidRDefault="00E1528A" w:rsidP="00E1528A">
                      <w:pPr>
                        <w:rPr>
                          <w:rFonts w:asciiTheme="minorHAnsi" w:hAnsi="Aptos" w:cstheme="minorBidi"/>
                          <w:color w:val="000000" w:themeColor="text1"/>
                          <w:kern w:val="24"/>
                          <w:sz w:val="20"/>
                          <w:szCs w:val="20"/>
                        </w:rPr>
                      </w:pPr>
                      <w:r>
                        <w:rPr>
                          <w:rFonts w:asciiTheme="minorHAnsi" w:hAnsi="Aptos" w:cstheme="minorBidi"/>
                          <w:color w:val="000000" w:themeColor="text1"/>
                          <w:kern w:val="24"/>
                          <w:sz w:val="20"/>
                          <w:szCs w:val="20"/>
                        </w:rPr>
                        <w:t>3DGPR Activity Analysis</w:t>
                      </w:r>
                    </w:p>
                  </w:txbxContent>
                </v:textbox>
                <w10:wrap anchorx="margin"/>
              </v:shape>
            </w:pict>
          </mc:Fallback>
        </mc:AlternateContent>
      </w:r>
    </w:p>
    <w:p w14:paraId="06081367" w14:textId="171B4820" w:rsidR="00E1528A" w:rsidRPr="008460A8" w:rsidRDefault="00E1528A" w:rsidP="00822E9A">
      <w:pPr>
        <w:rPr>
          <w:rFonts w:asciiTheme="minorHAnsi" w:hAnsiTheme="minorHAnsi" w:cstheme="minorHAnsi"/>
          <w:b/>
          <w:bCs/>
          <w:sz w:val="20"/>
          <w:szCs w:val="20"/>
        </w:rPr>
      </w:pPr>
    </w:p>
    <w:p w14:paraId="19699820" w14:textId="2700C69F" w:rsidR="00E1528A" w:rsidRDefault="00E1528A" w:rsidP="00E1528A">
      <w:pPr>
        <w:ind w:left="-360" w:firstLine="90"/>
        <w:rPr>
          <w:sz w:val="20"/>
          <w:szCs w:val="20"/>
        </w:rPr>
      </w:pPr>
      <w:r w:rsidRPr="00E1528A">
        <w:rPr>
          <w:noProof/>
          <w:sz w:val="20"/>
          <w:szCs w:val="20"/>
        </w:rPr>
        <w:drawing>
          <wp:inline distT="0" distB="0" distL="0" distR="0" wp14:anchorId="63D07A8E" wp14:editId="1D4EF2EE">
            <wp:extent cx="11852275" cy="782782"/>
            <wp:effectExtent l="0" t="0" r="0" b="0"/>
            <wp:docPr id="176132845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1921239" cy="787337"/>
                    </a:xfrm>
                    <a:prstGeom prst="rect">
                      <a:avLst/>
                    </a:prstGeom>
                    <a:noFill/>
                    <a:ln>
                      <a:noFill/>
                    </a:ln>
                  </pic:spPr>
                </pic:pic>
              </a:graphicData>
            </a:graphic>
          </wp:inline>
        </w:drawing>
      </w:r>
    </w:p>
    <w:p w14:paraId="5B5A8720" w14:textId="36ACCE1D" w:rsidR="00E1528A" w:rsidRDefault="00E1528A" w:rsidP="00822E9A">
      <w:pPr>
        <w:rPr>
          <w:sz w:val="20"/>
          <w:szCs w:val="20"/>
        </w:rPr>
      </w:pPr>
    </w:p>
    <w:p w14:paraId="7A57E948" w14:textId="77777777" w:rsidR="00E1528A" w:rsidRDefault="00E1528A" w:rsidP="00822E9A">
      <w:pPr>
        <w:rPr>
          <w:sz w:val="20"/>
          <w:szCs w:val="20"/>
        </w:rPr>
      </w:pPr>
    </w:p>
    <w:p w14:paraId="14C20F28" w14:textId="77777777" w:rsidR="00E1528A" w:rsidRPr="00E1528A" w:rsidRDefault="00E1528A" w:rsidP="00E1528A">
      <w:pPr>
        <w:pStyle w:val="ListParagraph"/>
        <w:ind w:left="0"/>
        <w:jc w:val="center"/>
        <w:rPr>
          <w:sz w:val="20"/>
          <w:szCs w:val="20"/>
          <w:u w:val="single"/>
        </w:rPr>
      </w:pPr>
      <w:r w:rsidRPr="00E1528A">
        <w:rPr>
          <w:sz w:val="20"/>
          <w:szCs w:val="20"/>
          <w:u w:val="single"/>
        </w:rPr>
        <w:t xml:space="preserve">Figure 1 – Analysis of Data Collected at the </w:t>
      </w:r>
      <w:proofErr w:type="spellStart"/>
      <w:r w:rsidRPr="00E1528A">
        <w:rPr>
          <w:sz w:val="20"/>
          <w:szCs w:val="20"/>
          <w:u w:val="single"/>
        </w:rPr>
        <w:t>MnROAD</w:t>
      </w:r>
      <w:proofErr w:type="spellEnd"/>
      <w:r w:rsidRPr="00E1528A">
        <w:rPr>
          <w:sz w:val="20"/>
          <w:szCs w:val="20"/>
          <w:u w:val="single"/>
        </w:rPr>
        <w:t xml:space="preserve"> Stripping Test Site</w:t>
      </w:r>
    </w:p>
    <w:p w14:paraId="4B14753F" w14:textId="77777777" w:rsidR="00E1528A" w:rsidRDefault="00E1528A" w:rsidP="00822E9A">
      <w:pPr>
        <w:rPr>
          <w:sz w:val="20"/>
          <w:szCs w:val="20"/>
        </w:rPr>
      </w:pPr>
    </w:p>
    <w:p w14:paraId="699EC7C5" w14:textId="77777777" w:rsidR="00E1528A" w:rsidRDefault="00E1528A" w:rsidP="00822E9A">
      <w:pPr>
        <w:rPr>
          <w:sz w:val="20"/>
          <w:szCs w:val="20"/>
        </w:rPr>
      </w:pPr>
    </w:p>
    <w:p w14:paraId="650A741D" w14:textId="77777777" w:rsidR="00E1528A" w:rsidRDefault="00E1528A" w:rsidP="00822E9A">
      <w:pPr>
        <w:rPr>
          <w:sz w:val="20"/>
          <w:szCs w:val="20"/>
        </w:rPr>
      </w:pPr>
    </w:p>
    <w:p w14:paraId="18238117" w14:textId="77777777" w:rsidR="00E1528A" w:rsidRDefault="00E1528A" w:rsidP="00822E9A">
      <w:pPr>
        <w:rPr>
          <w:sz w:val="20"/>
          <w:szCs w:val="20"/>
        </w:rPr>
      </w:pPr>
    </w:p>
    <w:p w14:paraId="417136D9" w14:textId="77777777" w:rsidR="00E1528A" w:rsidRDefault="00E1528A" w:rsidP="00822E9A">
      <w:pPr>
        <w:rPr>
          <w:sz w:val="20"/>
          <w:szCs w:val="20"/>
        </w:rPr>
      </w:pPr>
    </w:p>
    <w:p w14:paraId="78B8B43F" w14:textId="77777777" w:rsidR="00E1528A" w:rsidRDefault="00E1528A" w:rsidP="00822E9A">
      <w:pPr>
        <w:rPr>
          <w:sz w:val="20"/>
          <w:szCs w:val="20"/>
        </w:rPr>
      </w:pPr>
    </w:p>
    <w:p w14:paraId="379C13E7" w14:textId="77777777" w:rsidR="00E1528A" w:rsidRDefault="00E1528A" w:rsidP="00822E9A">
      <w:pPr>
        <w:rPr>
          <w:sz w:val="20"/>
          <w:szCs w:val="20"/>
        </w:rPr>
      </w:pPr>
    </w:p>
    <w:p w14:paraId="13DB55BC" w14:textId="77777777" w:rsidR="00E1528A" w:rsidRDefault="00E1528A" w:rsidP="00822E9A">
      <w:pPr>
        <w:rPr>
          <w:sz w:val="20"/>
          <w:szCs w:val="20"/>
        </w:rPr>
      </w:pPr>
    </w:p>
    <w:p w14:paraId="68341939" w14:textId="77777777" w:rsidR="00E1528A" w:rsidRDefault="00E1528A" w:rsidP="00822E9A">
      <w:pPr>
        <w:rPr>
          <w:sz w:val="20"/>
          <w:szCs w:val="20"/>
        </w:rPr>
        <w:sectPr w:rsidR="00E1528A" w:rsidSect="00F1028A">
          <w:pgSz w:w="24480" w:h="15840" w:orient="landscape" w:code="1"/>
          <w:pgMar w:top="1440" w:right="1440" w:bottom="1440" w:left="1440" w:header="720" w:footer="720" w:gutter="0"/>
          <w:cols w:space="720"/>
          <w:docGrid w:linePitch="360"/>
        </w:sectPr>
      </w:pPr>
    </w:p>
    <w:p w14:paraId="046AE4D6" w14:textId="56A0FC57" w:rsidR="000D368C" w:rsidRDefault="00A87C82" w:rsidP="003C3E4A">
      <w:pPr>
        <w:jc w:val="center"/>
        <w:rPr>
          <w:sz w:val="20"/>
          <w:szCs w:val="20"/>
        </w:rPr>
      </w:pPr>
      <w:r w:rsidRPr="00A87C82">
        <w:rPr>
          <w:sz w:val="20"/>
          <w:szCs w:val="20"/>
        </w:rPr>
        <w:lastRenderedPageBreak/>
        <w:drawing>
          <wp:inline distT="0" distB="0" distL="0" distR="0" wp14:anchorId="78FD7A28" wp14:editId="13E87780">
            <wp:extent cx="5164925" cy="4315691"/>
            <wp:effectExtent l="0" t="0" r="0" b="8890"/>
            <wp:docPr id="2019205377" name="Picture 1" descr="A screenshot of a computer scree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19205377" name="Picture 1" descr="A screenshot of a computer screen&#10;&#10;AI-generated content may be incorrect."/>
                    <pic:cNvPicPr/>
                  </pic:nvPicPr>
                  <pic:blipFill>
                    <a:blip r:embed="rId12"/>
                    <a:stretch>
                      <a:fillRect/>
                    </a:stretch>
                  </pic:blipFill>
                  <pic:spPr>
                    <a:xfrm>
                      <a:off x="0" y="0"/>
                      <a:ext cx="5172255" cy="4321815"/>
                    </a:xfrm>
                    <a:prstGeom prst="rect">
                      <a:avLst/>
                    </a:prstGeom>
                  </pic:spPr>
                </pic:pic>
              </a:graphicData>
            </a:graphic>
          </wp:inline>
        </w:drawing>
      </w:r>
    </w:p>
    <w:p w14:paraId="6775267E" w14:textId="1EFABA14" w:rsidR="00A87C82" w:rsidRDefault="00A87C82" w:rsidP="00A87C82">
      <w:pPr>
        <w:jc w:val="center"/>
        <w:rPr>
          <w:rFonts w:ascii="Times New Roman" w:eastAsia="Times New Roman" w:hAnsi="Times New Roman"/>
          <w:sz w:val="24"/>
          <w:szCs w:val="24"/>
        </w:rPr>
      </w:pPr>
      <w:r w:rsidRPr="00A87C82">
        <w:rPr>
          <w:sz w:val="20"/>
          <w:szCs w:val="20"/>
          <w:u w:val="single"/>
        </w:rPr>
        <w:t xml:space="preserve">Figure 4 – Processed 3DGPR data from US-93 in </w:t>
      </w:r>
      <w:r w:rsidR="003C3E4A" w:rsidRPr="00A87C82">
        <w:rPr>
          <w:sz w:val="20"/>
          <w:szCs w:val="20"/>
          <w:u w:val="single"/>
        </w:rPr>
        <w:t>Nevada showing</w:t>
      </w:r>
      <w:r w:rsidRPr="00A87C82">
        <w:rPr>
          <w:sz w:val="20"/>
          <w:szCs w:val="20"/>
          <w:u w:val="single"/>
        </w:rPr>
        <w:t xml:space="preserve"> location of core NV</w:t>
      </w:r>
      <w:r>
        <w:rPr>
          <w:sz w:val="20"/>
          <w:szCs w:val="20"/>
          <w:u w:val="single"/>
        </w:rPr>
        <w:t>6</w:t>
      </w:r>
      <w:r w:rsidRPr="00A87C82">
        <w:rPr>
          <w:rFonts w:ascii="Times New Roman" w:eastAsia="Times New Roman" w:hAnsi="Times New Roman"/>
          <w:sz w:val="24"/>
          <w:szCs w:val="24"/>
        </w:rPr>
        <w:t xml:space="preserve"> </w:t>
      </w:r>
    </w:p>
    <w:p w14:paraId="38830DC7" w14:textId="77777777" w:rsidR="003C3E4A" w:rsidRDefault="003C3E4A" w:rsidP="00A87C82">
      <w:pPr>
        <w:jc w:val="center"/>
        <w:rPr>
          <w:sz w:val="20"/>
          <w:szCs w:val="20"/>
          <w:u w:val="single"/>
        </w:rPr>
      </w:pPr>
    </w:p>
    <w:p w14:paraId="215F1D9D" w14:textId="77777777" w:rsidR="003C3E4A" w:rsidRDefault="003C3E4A" w:rsidP="00A87C82">
      <w:pPr>
        <w:jc w:val="center"/>
        <w:rPr>
          <w:sz w:val="20"/>
          <w:szCs w:val="20"/>
          <w:u w:val="single"/>
        </w:rPr>
      </w:pPr>
    </w:p>
    <w:p w14:paraId="0D5FAE3D" w14:textId="16B463A3" w:rsidR="00A87C82" w:rsidRDefault="00A87C82" w:rsidP="00A87C82">
      <w:pPr>
        <w:jc w:val="center"/>
        <w:rPr>
          <w:sz w:val="20"/>
          <w:szCs w:val="20"/>
          <w:u w:val="single"/>
        </w:rPr>
      </w:pPr>
      <w:r w:rsidRPr="004A09DD">
        <w:rPr>
          <w:sz w:val="20"/>
          <w:szCs w:val="20"/>
        </w:rPr>
        <w:drawing>
          <wp:inline distT="0" distB="0" distL="0" distR="0" wp14:anchorId="04676378" wp14:editId="63685A7E">
            <wp:extent cx="5500255" cy="3032192"/>
            <wp:effectExtent l="0" t="0" r="5715" b="0"/>
            <wp:docPr id="314994902" name="Picture 5" descr="A graph showing a graph showing a number of signs&#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4994902" name="Picture 5" descr="A graph showing a graph showing a number of signs&#10;&#10;AI-generated content may be incorrect."/>
                    <pic:cNvPicPr>
                      <a:picLocks noChangeAspect="1" noChangeArrowheads="1"/>
                    </pic:cNvPicPr>
                  </pic:nvPicPr>
                  <pic:blipFill rotWithShape="1">
                    <a:blip r:embed="rId13" cstate="print">
                      <a:extLst>
                        <a:ext uri="{28A0092B-C50C-407E-A947-70E740481C1C}">
                          <a14:useLocalDpi xmlns:a14="http://schemas.microsoft.com/office/drawing/2010/main" val="0"/>
                        </a:ext>
                      </a:extLst>
                    </a:blip>
                    <a:srcRect b="12096"/>
                    <a:stretch>
                      <a:fillRect/>
                    </a:stretch>
                  </pic:blipFill>
                  <pic:spPr bwMode="auto">
                    <a:xfrm>
                      <a:off x="0" y="0"/>
                      <a:ext cx="5504899" cy="3034752"/>
                    </a:xfrm>
                    <a:prstGeom prst="rect">
                      <a:avLst/>
                    </a:prstGeom>
                    <a:noFill/>
                    <a:ln>
                      <a:noFill/>
                    </a:ln>
                    <a:extLst>
                      <a:ext uri="{53640926-AAD7-44D8-BBD7-CCE9431645EC}">
                        <a14:shadowObscured xmlns:a14="http://schemas.microsoft.com/office/drawing/2010/main"/>
                      </a:ext>
                    </a:extLst>
                  </pic:spPr>
                </pic:pic>
              </a:graphicData>
            </a:graphic>
          </wp:inline>
        </w:drawing>
      </w:r>
    </w:p>
    <w:p w14:paraId="2B4190B8" w14:textId="77777777" w:rsidR="00A87C82" w:rsidRDefault="00A87C82" w:rsidP="00A87C82">
      <w:pPr>
        <w:jc w:val="center"/>
        <w:rPr>
          <w:sz w:val="20"/>
          <w:szCs w:val="20"/>
          <w:u w:val="single"/>
        </w:rPr>
      </w:pPr>
    </w:p>
    <w:p w14:paraId="4010FFB4" w14:textId="16F22B00" w:rsidR="00A87C82" w:rsidRPr="00A87C82" w:rsidRDefault="00A87C82" w:rsidP="00A87C82">
      <w:pPr>
        <w:jc w:val="center"/>
        <w:rPr>
          <w:sz w:val="20"/>
          <w:szCs w:val="20"/>
          <w:u w:val="single"/>
        </w:rPr>
      </w:pPr>
      <w:r>
        <w:rPr>
          <w:sz w:val="20"/>
          <w:szCs w:val="20"/>
          <w:u w:val="single"/>
        </w:rPr>
        <w:t xml:space="preserve">Figure 5 – Processed </w:t>
      </w:r>
      <w:r w:rsidR="003C3E4A">
        <w:rPr>
          <w:sz w:val="20"/>
          <w:szCs w:val="20"/>
          <w:u w:val="single"/>
        </w:rPr>
        <w:t xml:space="preserve">US-93 </w:t>
      </w:r>
      <w:r>
        <w:rPr>
          <w:sz w:val="20"/>
          <w:szCs w:val="20"/>
          <w:u w:val="single"/>
        </w:rPr>
        <w:t>TSD Data showing core locations and core photos</w:t>
      </w:r>
    </w:p>
    <w:p w14:paraId="351AD46C" w14:textId="4E7DFDDE" w:rsidR="00A87C82" w:rsidRDefault="00AE449B" w:rsidP="00A87C82">
      <w:pPr>
        <w:jc w:val="center"/>
        <w:rPr>
          <w:sz w:val="20"/>
          <w:szCs w:val="20"/>
          <w:u w:val="single"/>
        </w:rPr>
      </w:pPr>
      <w:r w:rsidRPr="00AE449B">
        <w:rPr>
          <w:noProof/>
          <w:sz w:val="20"/>
          <w:szCs w:val="20"/>
          <w14:ligatures w14:val="standardContextual"/>
        </w:rPr>
        <w:lastRenderedPageBreak/>
        <w:drawing>
          <wp:inline distT="0" distB="0" distL="0" distR="0" wp14:anchorId="5281047D" wp14:editId="627D23C6">
            <wp:extent cx="4704080" cy="2286000"/>
            <wp:effectExtent l="0" t="0" r="1270" b="0"/>
            <wp:docPr id="881751951" name="Chart 1">
              <a:extLst xmlns:a="http://schemas.openxmlformats.org/drawingml/2006/main">
                <a:ext uri="{FF2B5EF4-FFF2-40B4-BE49-F238E27FC236}">
                  <a16:creationId xmlns:a16="http://schemas.microsoft.com/office/drawing/2014/main" id="{63754409-9659-4E3F-8734-B8C77AB61B1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p>
    <w:p w14:paraId="42712F6B" w14:textId="77777777" w:rsidR="00AE449B" w:rsidRDefault="00AE449B" w:rsidP="00A87C82">
      <w:pPr>
        <w:jc w:val="center"/>
        <w:rPr>
          <w:sz w:val="20"/>
          <w:szCs w:val="20"/>
          <w:u w:val="single"/>
        </w:rPr>
      </w:pPr>
    </w:p>
    <w:p w14:paraId="0986BB82" w14:textId="2BFB7789" w:rsidR="00AE449B" w:rsidRDefault="00AE449B" w:rsidP="00A87C82">
      <w:pPr>
        <w:jc w:val="center"/>
        <w:rPr>
          <w:sz w:val="20"/>
          <w:szCs w:val="20"/>
        </w:rPr>
      </w:pPr>
      <w:r>
        <w:rPr>
          <w:sz w:val="20"/>
          <w:szCs w:val="20"/>
        </w:rPr>
        <w:t xml:space="preserve">. Figure 6 </w:t>
      </w:r>
      <w:r>
        <w:rPr>
          <w:sz w:val="20"/>
          <w:szCs w:val="20"/>
        </w:rPr>
        <w:t>-</w:t>
      </w:r>
      <w:r>
        <w:rPr>
          <w:sz w:val="20"/>
          <w:szCs w:val="20"/>
        </w:rPr>
        <w:t xml:space="preserve"> GPR reflection activity analysis on a section of US-93 in Nevada along with the location of core NV4</w:t>
      </w:r>
    </w:p>
    <w:p w14:paraId="04B601ED" w14:textId="77777777" w:rsidR="00760729" w:rsidRDefault="00760729" w:rsidP="00A87C82">
      <w:pPr>
        <w:jc w:val="center"/>
        <w:rPr>
          <w:sz w:val="20"/>
          <w:szCs w:val="20"/>
        </w:rPr>
      </w:pPr>
    </w:p>
    <w:p w14:paraId="73272C13" w14:textId="137DFEEF" w:rsidR="00760729" w:rsidRDefault="00760729" w:rsidP="00760729">
      <w:pPr>
        <w:pStyle w:val="ListParagraph"/>
        <w:numPr>
          <w:ilvl w:val="0"/>
          <w:numId w:val="2"/>
        </w:numPr>
        <w:rPr>
          <w:b/>
          <w:bCs/>
          <w:sz w:val="20"/>
          <w:szCs w:val="20"/>
          <w:u w:val="single"/>
        </w:rPr>
      </w:pPr>
      <w:r w:rsidRPr="00760729">
        <w:rPr>
          <w:b/>
          <w:bCs/>
          <w:sz w:val="20"/>
          <w:szCs w:val="20"/>
          <w:u w:val="single"/>
        </w:rPr>
        <w:t>Setup of a Data Inventory</w:t>
      </w:r>
    </w:p>
    <w:p w14:paraId="06777E7B" w14:textId="77777777" w:rsidR="00760729" w:rsidRDefault="00760729" w:rsidP="00760729">
      <w:pPr>
        <w:rPr>
          <w:b/>
          <w:bCs/>
          <w:sz w:val="20"/>
          <w:szCs w:val="20"/>
          <w:u w:val="single"/>
        </w:rPr>
      </w:pPr>
    </w:p>
    <w:p w14:paraId="507073CD" w14:textId="04C528E3" w:rsidR="00760729" w:rsidRDefault="00760729" w:rsidP="00760729">
      <w:pPr>
        <w:rPr>
          <w:sz w:val="20"/>
          <w:szCs w:val="20"/>
        </w:rPr>
      </w:pPr>
      <w:r>
        <w:rPr>
          <w:sz w:val="20"/>
          <w:szCs w:val="20"/>
        </w:rPr>
        <w:t xml:space="preserve">The data described above, for 10 road sections and 160 core </w:t>
      </w:r>
      <w:proofErr w:type="gramStart"/>
      <w:r>
        <w:rPr>
          <w:sz w:val="20"/>
          <w:szCs w:val="20"/>
        </w:rPr>
        <w:t>locations</w:t>
      </w:r>
      <w:proofErr w:type="gramEnd"/>
      <w:r>
        <w:rPr>
          <w:sz w:val="20"/>
          <w:szCs w:val="20"/>
        </w:rPr>
        <w:t xml:space="preserve"> has been organized into an easily accessible database referred to as the Inventory. A version of the Inventory has been provided to NRRA project manager on July 31, 2025. Screenshots of segments of the Inventory database are provided in Figures 7 and 8. </w:t>
      </w:r>
    </w:p>
    <w:p w14:paraId="10E6E3DF" w14:textId="77777777" w:rsidR="00760729" w:rsidRDefault="00760729" w:rsidP="00760729">
      <w:pPr>
        <w:rPr>
          <w:sz w:val="20"/>
          <w:szCs w:val="20"/>
        </w:rPr>
      </w:pPr>
    </w:p>
    <w:p w14:paraId="6B9289D0" w14:textId="77777777" w:rsidR="00760729" w:rsidRDefault="00760729" w:rsidP="00760729">
      <w:pPr>
        <w:rPr>
          <w:sz w:val="20"/>
          <w:szCs w:val="20"/>
        </w:rPr>
      </w:pPr>
    </w:p>
    <w:p w14:paraId="619725E2" w14:textId="77777777" w:rsidR="00760729" w:rsidRDefault="00760729" w:rsidP="00760729">
      <w:pPr>
        <w:rPr>
          <w:sz w:val="20"/>
          <w:szCs w:val="20"/>
        </w:rPr>
      </w:pPr>
    </w:p>
    <w:p w14:paraId="3B22794B" w14:textId="77777777" w:rsidR="00760729" w:rsidRDefault="00760729" w:rsidP="00760729">
      <w:pPr>
        <w:rPr>
          <w:sz w:val="20"/>
          <w:szCs w:val="20"/>
        </w:rPr>
      </w:pPr>
    </w:p>
    <w:p w14:paraId="2CF70CCE" w14:textId="77777777" w:rsidR="00760729" w:rsidRDefault="00760729" w:rsidP="00760729">
      <w:pPr>
        <w:rPr>
          <w:sz w:val="20"/>
          <w:szCs w:val="20"/>
        </w:rPr>
      </w:pPr>
    </w:p>
    <w:p w14:paraId="1C864A06" w14:textId="77777777" w:rsidR="00760729" w:rsidRDefault="00760729" w:rsidP="00760729">
      <w:pPr>
        <w:rPr>
          <w:sz w:val="20"/>
          <w:szCs w:val="20"/>
        </w:rPr>
      </w:pPr>
    </w:p>
    <w:p w14:paraId="35209F38" w14:textId="77777777" w:rsidR="00760729" w:rsidRDefault="00760729" w:rsidP="00760729">
      <w:pPr>
        <w:rPr>
          <w:sz w:val="20"/>
          <w:szCs w:val="20"/>
        </w:rPr>
      </w:pPr>
    </w:p>
    <w:p w14:paraId="05BFFC98" w14:textId="77777777" w:rsidR="00760729" w:rsidRDefault="00760729" w:rsidP="00760729">
      <w:pPr>
        <w:rPr>
          <w:sz w:val="20"/>
          <w:szCs w:val="20"/>
        </w:rPr>
      </w:pPr>
    </w:p>
    <w:p w14:paraId="01F51510" w14:textId="77777777" w:rsidR="00760729" w:rsidRDefault="00760729" w:rsidP="00760729">
      <w:pPr>
        <w:rPr>
          <w:sz w:val="20"/>
          <w:szCs w:val="20"/>
        </w:rPr>
      </w:pPr>
    </w:p>
    <w:p w14:paraId="5038D194" w14:textId="77777777" w:rsidR="00760729" w:rsidRDefault="00760729" w:rsidP="00760729">
      <w:pPr>
        <w:rPr>
          <w:sz w:val="20"/>
          <w:szCs w:val="20"/>
        </w:rPr>
      </w:pPr>
    </w:p>
    <w:p w14:paraId="06246341" w14:textId="77777777" w:rsidR="00760729" w:rsidRDefault="00760729" w:rsidP="00760729">
      <w:pPr>
        <w:rPr>
          <w:sz w:val="20"/>
          <w:szCs w:val="20"/>
        </w:rPr>
      </w:pPr>
    </w:p>
    <w:p w14:paraId="539D6C6A" w14:textId="77777777" w:rsidR="00760729" w:rsidRDefault="00760729" w:rsidP="00760729">
      <w:pPr>
        <w:rPr>
          <w:sz w:val="20"/>
          <w:szCs w:val="20"/>
        </w:rPr>
      </w:pPr>
    </w:p>
    <w:p w14:paraId="2D914B71" w14:textId="77777777" w:rsidR="00760729" w:rsidRDefault="00760729" w:rsidP="00760729">
      <w:pPr>
        <w:rPr>
          <w:sz w:val="20"/>
          <w:szCs w:val="20"/>
        </w:rPr>
      </w:pPr>
    </w:p>
    <w:p w14:paraId="609C6D94" w14:textId="77777777" w:rsidR="00760729" w:rsidRDefault="00760729" w:rsidP="00760729">
      <w:pPr>
        <w:rPr>
          <w:sz w:val="20"/>
          <w:szCs w:val="20"/>
        </w:rPr>
      </w:pPr>
    </w:p>
    <w:p w14:paraId="5468C986" w14:textId="77777777" w:rsidR="00760729" w:rsidRDefault="00760729" w:rsidP="00760729">
      <w:pPr>
        <w:rPr>
          <w:sz w:val="20"/>
          <w:szCs w:val="20"/>
        </w:rPr>
      </w:pPr>
    </w:p>
    <w:p w14:paraId="72CB4A59" w14:textId="77777777" w:rsidR="00760729" w:rsidRDefault="00760729" w:rsidP="00760729">
      <w:pPr>
        <w:rPr>
          <w:sz w:val="20"/>
          <w:szCs w:val="20"/>
        </w:rPr>
      </w:pPr>
    </w:p>
    <w:p w14:paraId="4873C000" w14:textId="77777777" w:rsidR="00760729" w:rsidRDefault="00760729" w:rsidP="00760729">
      <w:pPr>
        <w:rPr>
          <w:sz w:val="20"/>
          <w:szCs w:val="20"/>
        </w:rPr>
      </w:pPr>
    </w:p>
    <w:p w14:paraId="2F061650" w14:textId="77777777" w:rsidR="00760729" w:rsidRDefault="00760729" w:rsidP="00760729">
      <w:pPr>
        <w:rPr>
          <w:sz w:val="20"/>
          <w:szCs w:val="20"/>
        </w:rPr>
        <w:sectPr w:rsidR="00760729" w:rsidSect="00E1528A">
          <w:pgSz w:w="12240" w:h="15840" w:code="1"/>
          <w:pgMar w:top="1440" w:right="1440" w:bottom="1440" w:left="1440" w:header="720" w:footer="720" w:gutter="0"/>
          <w:cols w:space="720"/>
          <w:docGrid w:linePitch="360"/>
        </w:sectPr>
      </w:pPr>
    </w:p>
    <w:p w14:paraId="12A44CA0" w14:textId="77777777" w:rsidR="00FB3FD2" w:rsidRDefault="00FB3FD2" w:rsidP="00760729">
      <w:pPr>
        <w:rPr>
          <w:sz w:val="20"/>
          <w:szCs w:val="20"/>
        </w:rPr>
      </w:pPr>
    </w:p>
    <w:p w14:paraId="0E2634C4" w14:textId="77777777" w:rsidR="00FB3FD2" w:rsidRDefault="00FB3FD2" w:rsidP="00760729">
      <w:pPr>
        <w:rPr>
          <w:sz w:val="20"/>
          <w:szCs w:val="20"/>
        </w:rPr>
      </w:pPr>
    </w:p>
    <w:p w14:paraId="5389EDE0" w14:textId="77777777" w:rsidR="00FB3FD2" w:rsidRDefault="00FB3FD2" w:rsidP="00760729">
      <w:pPr>
        <w:rPr>
          <w:sz w:val="20"/>
          <w:szCs w:val="20"/>
        </w:rPr>
      </w:pPr>
    </w:p>
    <w:p w14:paraId="6FDA9153" w14:textId="6AC2F04F" w:rsidR="00760729" w:rsidRDefault="00FB3FD2" w:rsidP="00760729">
      <w:pPr>
        <w:rPr>
          <w:sz w:val="20"/>
          <w:szCs w:val="20"/>
        </w:rPr>
      </w:pPr>
      <w:r>
        <w:rPr>
          <w:noProof/>
          <w14:ligatures w14:val="standardContextual"/>
        </w:rPr>
        <w:drawing>
          <wp:inline distT="0" distB="0" distL="0" distR="0" wp14:anchorId="69B8D3F6" wp14:editId="7E4B476C">
            <wp:extent cx="8602062" cy="2988733"/>
            <wp:effectExtent l="0" t="0" r="0" b="2540"/>
            <wp:docPr id="555204603" name="Picture 5" descr="A screenshot of a computer screen&#10;&#10;AI-generated content may be incorrect.">
              <a:extLst xmlns:a="http://schemas.openxmlformats.org/drawingml/2006/main">
                <a:ext uri="{FF2B5EF4-FFF2-40B4-BE49-F238E27FC236}">
                  <a16:creationId xmlns:a16="http://schemas.microsoft.com/office/drawing/2014/main" id="{5533326B-C3B7-8006-B878-D6380CF3377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5204603" name="Picture 5" descr="A screenshot of a computer screen&#10;&#10;AI-generated content may be incorrect.">
                      <a:extLst>
                        <a:ext uri="{FF2B5EF4-FFF2-40B4-BE49-F238E27FC236}">
                          <a16:creationId xmlns:a16="http://schemas.microsoft.com/office/drawing/2014/main" id="{5533326B-C3B7-8006-B878-D6380CF33771}"/>
                        </a:ext>
                      </a:extLst>
                    </pic:cNvPr>
                    <pic:cNvPicPr>
                      <a:picLocks noChangeAspect="1"/>
                    </pic:cNvPicPr>
                  </pic:nvPicPr>
                  <pic:blipFill>
                    <a:blip r:embed="rId15"/>
                    <a:stretch>
                      <a:fillRect/>
                    </a:stretch>
                  </pic:blipFill>
                  <pic:spPr>
                    <a:xfrm>
                      <a:off x="0" y="0"/>
                      <a:ext cx="8634331" cy="2999945"/>
                    </a:xfrm>
                    <a:prstGeom prst="rect">
                      <a:avLst/>
                    </a:prstGeom>
                  </pic:spPr>
                </pic:pic>
              </a:graphicData>
            </a:graphic>
          </wp:inline>
        </w:drawing>
      </w:r>
    </w:p>
    <w:p w14:paraId="3BDA8090" w14:textId="77777777" w:rsidR="00FB3FD2" w:rsidRDefault="00FB3FD2" w:rsidP="00760729">
      <w:pPr>
        <w:rPr>
          <w:sz w:val="20"/>
          <w:szCs w:val="20"/>
        </w:rPr>
      </w:pPr>
    </w:p>
    <w:p w14:paraId="62D755C0" w14:textId="74644C04" w:rsidR="00FB3FD2" w:rsidRPr="00FB3FD2" w:rsidRDefault="00FB3FD2" w:rsidP="00FB3FD2">
      <w:pPr>
        <w:jc w:val="center"/>
        <w:rPr>
          <w:sz w:val="20"/>
          <w:szCs w:val="20"/>
          <w:u w:val="single"/>
        </w:rPr>
      </w:pPr>
      <w:r w:rsidRPr="00FB3FD2">
        <w:rPr>
          <w:sz w:val="20"/>
          <w:szCs w:val="20"/>
          <w:u w:val="single"/>
        </w:rPr>
        <w:t>Figure 7 – Sample of Data from the Inventory Database</w:t>
      </w:r>
      <w:r>
        <w:rPr>
          <w:sz w:val="20"/>
          <w:szCs w:val="20"/>
          <w:u w:val="single"/>
        </w:rPr>
        <w:t xml:space="preserve"> Part 1</w:t>
      </w:r>
    </w:p>
    <w:p w14:paraId="2A2FCA2E" w14:textId="77777777" w:rsidR="00FB3FD2" w:rsidRDefault="00FB3FD2" w:rsidP="00760729">
      <w:pPr>
        <w:rPr>
          <w:sz w:val="20"/>
          <w:szCs w:val="20"/>
        </w:rPr>
      </w:pPr>
    </w:p>
    <w:p w14:paraId="7A27358D" w14:textId="77777777" w:rsidR="00FB3FD2" w:rsidRDefault="00FB3FD2" w:rsidP="00760729">
      <w:pPr>
        <w:rPr>
          <w:sz w:val="20"/>
          <w:szCs w:val="20"/>
        </w:rPr>
      </w:pPr>
    </w:p>
    <w:p w14:paraId="6C0B1016" w14:textId="77777777" w:rsidR="00FB3FD2" w:rsidRDefault="00FB3FD2" w:rsidP="00760729">
      <w:pPr>
        <w:rPr>
          <w:sz w:val="20"/>
          <w:szCs w:val="20"/>
        </w:rPr>
      </w:pPr>
    </w:p>
    <w:p w14:paraId="476C0281" w14:textId="77777777" w:rsidR="00FB3FD2" w:rsidRDefault="00FB3FD2" w:rsidP="00760729">
      <w:pPr>
        <w:rPr>
          <w:sz w:val="20"/>
          <w:szCs w:val="20"/>
        </w:rPr>
      </w:pPr>
    </w:p>
    <w:p w14:paraId="0C950BD3" w14:textId="77777777" w:rsidR="00FB3FD2" w:rsidRDefault="00FB3FD2" w:rsidP="00760729">
      <w:pPr>
        <w:rPr>
          <w:sz w:val="20"/>
          <w:szCs w:val="20"/>
        </w:rPr>
      </w:pPr>
    </w:p>
    <w:p w14:paraId="2D53F279" w14:textId="77777777" w:rsidR="00FB3FD2" w:rsidRDefault="00FB3FD2" w:rsidP="00760729">
      <w:pPr>
        <w:rPr>
          <w:sz w:val="20"/>
          <w:szCs w:val="20"/>
        </w:rPr>
      </w:pPr>
    </w:p>
    <w:p w14:paraId="2A563668" w14:textId="77777777" w:rsidR="00FB3FD2" w:rsidRDefault="00FB3FD2" w:rsidP="00760729">
      <w:pPr>
        <w:rPr>
          <w:sz w:val="20"/>
          <w:szCs w:val="20"/>
        </w:rPr>
      </w:pPr>
    </w:p>
    <w:p w14:paraId="5A08A3DD" w14:textId="77777777" w:rsidR="00FB3FD2" w:rsidRDefault="00FB3FD2" w:rsidP="00760729">
      <w:pPr>
        <w:rPr>
          <w:sz w:val="20"/>
          <w:szCs w:val="20"/>
        </w:rPr>
      </w:pPr>
    </w:p>
    <w:p w14:paraId="7E938F30" w14:textId="77777777" w:rsidR="00FB3FD2" w:rsidRDefault="00FB3FD2" w:rsidP="00760729">
      <w:pPr>
        <w:rPr>
          <w:sz w:val="20"/>
          <w:szCs w:val="20"/>
        </w:rPr>
      </w:pPr>
    </w:p>
    <w:p w14:paraId="713E5B35" w14:textId="77777777" w:rsidR="00FB3FD2" w:rsidRDefault="00FB3FD2" w:rsidP="00760729">
      <w:pPr>
        <w:rPr>
          <w:sz w:val="20"/>
          <w:szCs w:val="20"/>
        </w:rPr>
      </w:pPr>
    </w:p>
    <w:p w14:paraId="1DC75BC4" w14:textId="77777777" w:rsidR="00FB3FD2" w:rsidRDefault="00FB3FD2" w:rsidP="00760729">
      <w:pPr>
        <w:rPr>
          <w:noProof/>
          <w14:ligatures w14:val="standardContextual"/>
        </w:rPr>
      </w:pPr>
    </w:p>
    <w:p w14:paraId="2F54C4EA" w14:textId="77777777" w:rsidR="00FB3FD2" w:rsidRDefault="00FB3FD2" w:rsidP="00760729">
      <w:pPr>
        <w:rPr>
          <w:noProof/>
          <w14:ligatures w14:val="standardContextual"/>
        </w:rPr>
      </w:pPr>
    </w:p>
    <w:p w14:paraId="1226016C" w14:textId="77777777" w:rsidR="00FB3FD2" w:rsidRDefault="00FB3FD2" w:rsidP="00760729">
      <w:pPr>
        <w:rPr>
          <w:noProof/>
          <w14:ligatures w14:val="standardContextual"/>
        </w:rPr>
      </w:pPr>
    </w:p>
    <w:p w14:paraId="4C2D7622" w14:textId="77777777" w:rsidR="00FB3FD2" w:rsidRDefault="00FB3FD2" w:rsidP="00760729">
      <w:pPr>
        <w:rPr>
          <w:noProof/>
          <w14:ligatures w14:val="standardContextual"/>
        </w:rPr>
      </w:pPr>
    </w:p>
    <w:p w14:paraId="0506F175" w14:textId="77777777" w:rsidR="00FB3FD2" w:rsidRDefault="00FB3FD2" w:rsidP="00760729">
      <w:pPr>
        <w:rPr>
          <w:noProof/>
          <w14:ligatures w14:val="standardContextual"/>
        </w:rPr>
      </w:pPr>
    </w:p>
    <w:p w14:paraId="55330121" w14:textId="77777777" w:rsidR="00FB3FD2" w:rsidRDefault="00FB3FD2" w:rsidP="00760729">
      <w:pPr>
        <w:rPr>
          <w:noProof/>
          <w14:ligatures w14:val="standardContextual"/>
        </w:rPr>
      </w:pPr>
    </w:p>
    <w:p w14:paraId="61B64783" w14:textId="7669D591" w:rsidR="00FB3FD2" w:rsidRDefault="00FB3FD2" w:rsidP="00760729">
      <w:pPr>
        <w:rPr>
          <w:sz w:val="20"/>
          <w:szCs w:val="20"/>
        </w:rPr>
      </w:pPr>
      <w:r>
        <w:rPr>
          <w:noProof/>
          <w14:ligatures w14:val="standardContextual"/>
        </w:rPr>
        <w:drawing>
          <wp:inline distT="0" distB="0" distL="0" distR="0" wp14:anchorId="701EDD9D" wp14:editId="66E00D6B">
            <wp:extent cx="8725251" cy="3004820"/>
            <wp:effectExtent l="0" t="0" r="0" b="5080"/>
            <wp:docPr id="2070535995" name="Picture 3" descr="A screenshot of a computer&#10;&#10;AI-generated content may be incorrect.">
              <a:extLst xmlns:a="http://schemas.openxmlformats.org/drawingml/2006/main">
                <a:ext uri="{FF2B5EF4-FFF2-40B4-BE49-F238E27FC236}">
                  <a16:creationId xmlns:a16="http://schemas.microsoft.com/office/drawing/2014/main" id="{B424D6CD-7FF5-DBF5-9942-908A5E617FA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0535995" name="Picture 3" descr="A screenshot of a computer&#10;&#10;AI-generated content may be incorrect.">
                      <a:extLst>
                        <a:ext uri="{FF2B5EF4-FFF2-40B4-BE49-F238E27FC236}">
                          <a16:creationId xmlns:a16="http://schemas.microsoft.com/office/drawing/2014/main" id="{B424D6CD-7FF5-DBF5-9942-908A5E617FAA}"/>
                        </a:ext>
                      </a:extLst>
                    </pic:cNvPr>
                    <pic:cNvPicPr>
                      <a:picLocks noChangeAspect="1"/>
                    </pic:cNvPicPr>
                  </pic:nvPicPr>
                  <pic:blipFill>
                    <a:blip r:embed="rId16"/>
                    <a:stretch>
                      <a:fillRect/>
                    </a:stretch>
                  </pic:blipFill>
                  <pic:spPr>
                    <a:xfrm>
                      <a:off x="0" y="0"/>
                      <a:ext cx="8737467" cy="3009027"/>
                    </a:xfrm>
                    <a:prstGeom prst="rect">
                      <a:avLst/>
                    </a:prstGeom>
                  </pic:spPr>
                </pic:pic>
              </a:graphicData>
            </a:graphic>
          </wp:inline>
        </w:drawing>
      </w:r>
    </w:p>
    <w:p w14:paraId="101589C4" w14:textId="77777777" w:rsidR="00FB3FD2" w:rsidRDefault="00FB3FD2" w:rsidP="00760729">
      <w:pPr>
        <w:rPr>
          <w:sz w:val="20"/>
          <w:szCs w:val="20"/>
        </w:rPr>
      </w:pPr>
    </w:p>
    <w:p w14:paraId="606A5944" w14:textId="135ABEEC" w:rsidR="00FB3FD2" w:rsidRPr="00FB3FD2" w:rsidRDefault="00FB3FD2" w:rsidP="00FB3FD2">
      <w:pPr>
        <w:jc w:val="center"/>
        <w:rPr>
          <w:sz w:val="20"/>
          <w:szCs w:val="20"/>
          <w:u w:val="single"/>
        </w:rPr>
      </w:pPr>
      <w:r w:rsidRPr="00FB3FD2">
        <w:rPr>
          <w:sz w:val="20"/>
          <w:szCs w:val="20"/>
          <w:u w:val="single"/>
        </w:rPr>
        <w:t xml:space="preserve">Figure </w:t>
      </w:r>
      <w:r>
        <w:rPr>
          <w:sz w:val="20"/>
          <w:szCs w:val="20"/>
          <w:u w:val="single"/>
        </w:rPr>
        <w:t>8</w:t>
      </w:r>
      <w:r w:rsidRPr="00FB3FD2">
        <w:rPr>
          <w:sz w:val="20"/>
          <w:szCs w:val="20"/>
          <w:u w:val="single"/>
        </w:rPr>
        <w:t xml:space="preserve"> – Sample of Data from the Inventory Database</w:t>
      </w:r>
      <w:r>
        <w:rPr>
          <w:sz w:val="20"/>
          <w:szCs w:val="20"/>
          <w:u w:val="single"/>
        </w:rPr>
        <w:t xml:space="preserve"> Part </w:t>
      </w:r>
      <w:r>
        <w:rPr>
          <w:sz w:val="20"/>
          <w:szCs w:val="20"/>
          <w:u w:val="single"/>
        </w:rPr>
        <w:t>2</w:t>
      </w:r>
    </w:p>
    <w:p w14:paraId="78F4BFAD" w14:textId="77777777" w:rsidR="00FB3FD2" w:rsidRPr="00760729" w:rsidRDefault="00FB3FD2" w:rsidP="00760729">
      <w:pPr>
        <w:rPr>
          <w:sz w:val="20"/>
          <w:szCs w:val="20"/>
        </w:rPr>
      </w:pPr>
    </w:p>
    <w:sectPr w:rsidR="00FB3FD2" w:rsidRPr="00760729" w:rsidSect="00FB3FD2">
      <w:pgSz w:w="15840" w:h="12240" w:orient="landscape" w:code="1"/>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Aptos">
    <w:charset w:val="00"/>
    <w:family w:val="swiss"/>
    <w:pitch w:val="variable"/>
    <w:sig w:usb0="20000287" w:usb1="00000003" w:usb2="00000000" w:usb3="00000000" w:csb0="0000019F" w:csb1="00000000"/>
  </w:font>
  <w:font w:name="Calibri">
    <w:panose1 w:val="020F0502020204030204"/>
    <w:charset w:val="00"/>
    <w:family w:val="swiss"/>
    <w:pitch w:val="variable"/>
    <w:sig w:usb0="E4002EFF" w:usb1="C200247B" w:usb2="00000009" w:usb3="00000000" w:csb0="000001FF" w:csb1="00000000"/>
  </w:font>
  <w:font w:name="Aptos Display">
    <w:charset w:val="00"/>
    <w:family w:val="swiss"/>
    <w:pitch w:val="variable"/>
    <w:sig w:usb0="20000287" w:usb1="00000003" w:usb2="00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64D408E"/>
    <w:multiLevelType w:val="hybridMultilevel"/>
    <w:tmpl w:val="5A40BA2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436D6797"/>
    <w:multiLevelType w:val="hybridMultilevel"/>
    <w:tmpl w:val="FD20448E"/>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69C6173E"/>
    <w:multiLevelType w:val="hybridMultilevel"/>
    <w:tmpl w:val="74B4B13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6CA53C05"/>
    <w:multiLevelType w:val="hybridMultilevel"/>
    <w:tmpl w:val="CB645AC8"/>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7E4628B4"/>
    <w:multiLevelType w:val="hybridMultilevel"/>
    <w:tmpl w:val="3B2670BC"/>
    <w:lvl w:ilvl="0" w:tplc="0409000F">
      <w:start w:val="1"/>
      <w:numFmt w:val="decimal"/>
      <w:lvlText w:val="%1."/>
      <w:lvlJc w:val="left"/>
      <w:pPr>
        <w:ind w:left="360" w:hanging="360"/>
      </w:pPr>
      <w:rPr>
        <w:rFonts w:hint="default"/>
      </w:rPr>
    </w:lvl>
    <w:lvl w:ilvl="1" w:tplc="04090019">
      <w:start w:val="1"/>
      <w:numFmt w:val="lowerLetter"/>
      <w:lvlText w:val="%2."/>
      <w:lvlJc w:val="left"/>
      <w:pPr>
        <w:ind w:left="1080" w:hanging="360"/>
      </w:pPr>
    </w:lvl>
    <w:lvl w:ilvl="2" w:tplc="0409001B">
      <w:start w:val="1"/>
      <w:numFmt w:val="lowerRoman"/>
      <w:lvlText w:val="%3."/>
      <w:lvlJc w:val="right"/>
      <w:pPr>
        <w:ind w:left="1800" w:hanging="180"/>
      </w:pPr>
    </w:lvl>
    <w:lvl w:ilvl="3" w:tplc="0409000F">
      <w:start w:val="1"/>
      <w:numFmt w:val="decimal"/>
      <w:lvlText w:val="%4."/>
      <w:lvlJc w:val="left"/>
      <w:pPr>
        <w:ind w:left="2520" w:hanging="360"/>
      </w:pPr>
    </w:lvl>
    <w:lvl w:ilvl="4" w:tplc="04090019">
      <w:start w:val="1"/>
      <w:numFmt w:val="lowerLetter"/>
      <w:lvlText w:val="%5."/>
      <w:lvlJc w:val="left"/>
      <w:pPr>
        <w:ind w:left="3240" w:hanging="360"/>
      </w:pPr>
    </w:lvl>
    <w:lvl w:ilvl="5" w:tplc="0409001B">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num w:numId="1" w16cid:durableId="1391998996">
    <w:abstractNumId w:val="4"/>
  </w:num>
  <w:num w:numId="2" w16cid:durableId="824011574">
    <w:abstractNumId w:val="2"/>
  </w:num>
  <w:num w:numId="3" w16cid:durableId="554972317">
    <w:abstractNumId w:val="0"/>
  </w:num>
  <w:num w:numId="4" w16cid:durableId="2000185910">
    <w:abstractNumId w:val="3"/>
  </w:num>
  <w:num w:numId="5" w16cid:durableId="1291863120">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22E9A"/>
    <w:rsid w:val="000003D7"/>
    <w:rsid w:val="000B1F02"/>
    <w:rsid w:val="000B3735"/>
    <w:rsid w:val="000D30F3"/>
    <w:rsid w:val="000D368C"/>
    <w:rsid w:val="000D4367"/>
    <w:rsid w:val="00241AFC"/>
    <w:rsid w:val="00284E06"/>
    <w:rsid w:val="0033363D"/>
    <w:rsid w:val="00376CDB"/>
    <w:rsid w:val="003C3E4A"/>
    <w:rsid w:val="00463390"/>
    <w:rsid w:val="004A09DD"/>
    <w:rsid w:val="004A7A9B"/>
    <w:rsid w:val="005E2378"/>
    <w:rsid w:val="005F1799"/>
    <w:rsid w:val="00760729"/>
    <w:rsid w:val="0076240C"/>
    <w:rsid w:val="007A205E"/>
    <w:rsid w:val="007B16A4"/>
    <w:rsid w:val="00822E9A"/>
    <w:rsid w:val="00890FB2"/>
    <w:rsid w:val="00A262BC"/>
    <w:rsid w:val="00A35CA9"/>
    <w:rsid w:val="00A83E04"/>
    <w:rsid w:val="00A87C82"/>
    <w:rsid w:val="00AE449B"/>
    <w:rsid w:val="00AE6622"/>
    <w:rsid w:val="00B724B6"/>
    <w:rsid w:val="00B73692"/>
    <w:rsid w:val="00BC5B3B"/>
    <w:rsid w:val="00C2340F"/>
    <w:rsid w:val="00D10B51"/>
    <w:rsid w:val="00D504DA"/>
    <w:rsid w:val="00DB3CC0"/>
    <w:rsid w:val="00DD7CC5"/>
    <w:rsid w:val="00E12CBA"/>
    <w:rsid w:val="00E1528A"/>
    <w:rsid w:val="00E60DA9"/>
    <w:rsid w:val="00EA67D9"/>
    <w:rsid w:val="00F1028A"/>
    <w:rsid w:val="00F25F16"/>
    <w:rsid w:val="00FB3FD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75EDC72"/>
  <w15:chartTrackingRefBased/>
  <w15:docId w15:val="{453C2142-1E1F-4AC9-96B1-C7F75DFE78A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kern w:val="2"/>
        <w:sz w:val="24"/>
        <w:szCs w:val="24"/>
        <w:lang w:val="en-US" w:eastAsia="en-US" w:bidi="ar-SA"/>
        <w14:ligatures w14:val="standardContextual"/>
      </w:rPr>
    </w:rPrDefault>
    <w:pPrDefault>
      <w:pPr>
        <w:spacing w:after="160" w:line="278"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22E9A"/>
    <w:pPr>
      <w:spacing w:after="0" w:line="240" w:lineRule="auto"/>
    </w:pPr>
    <w:rPr>
      <w:rFonts w:ascii="Calibri" w:hAnsi="Calibri" w:cs="Times New Roman"/>
      <w:kern w:val="0"/>
      <w:sz w:val="22"/>
      <w:szCs w:val="22"/>
      <w14:ligatures w14:val="none"/>
    </w:rPr>
  </w:style>
  <w:style w:type="paragraph" w:styleId="Heading1">
    <w:name w:val="heading 1"/>
    <w:basedOn w:val="Normal"/>
    <w:next w:val="Normal"/>
    <w:link w:val="Heading1Char"/>
    <w:uiPriority w:val="9"/>
    <w:qFormat/>
    <w:rsid w:val="00822E9A"/>
    <w:pPr>
      <w:keepNext/>
      <w:keepLines/>
      <w:spacing w:before="360" w:after="80"/>
      <w:outlineLvl w:val="0"/>
    </w:pPr>
    <w:rPr>
      <w:rFonts w:asciiTheme="majorHAnsi" w:eastAsiaTheme="majorEastAsia" w:hAnsiTheme="majorHAnsi" w:cstheme="majorBidi"/>
      <w:color w:val="0F4761" w:themeColor="accent1" w:themeShade="BF"/>
      <w:sz w:val="40"/>
      <w:szCs w:val="40"/>
    </w:rPr>
  </w:style>
  <w:style w:type="paragraph" w:styleId="Heading2">
    <w:name w:val="heading 2"/>
    <w:basedOn w:val="Normal"/>
    <w:next w:val="Normal"/>
    <w:link w:val="Heading2Char"/>
    <w:uiPriority w:val="9"/>
    <w:semiHidden/>
    <w:unhideWhenUsed/>
    <w:qFormat/>
    <w:rsid w:val="00822E9A"/>
    <w:pPr>
      <w:keepNext/>
      <w:keepLines/>
      <w:spacing w:before="160" w:after="80"/>
      <w:outlineLvl w:val="1"/>
    </w:pPr>
    <w:rPr>
      <w:rFonts w:asciiTheme="majorHAnsi" w:eastAsiaTheme="majorEastAsia" w:hAnsiTheme="majorHAnsi" w:cstheme="majorBidi"/>
      <w:color w:val="0F4761" w:themeColor="accent1" w:themeShade="BF"/>
      <w:sz w:val="32"/>
      <w:szCs w:val="32"/>
    </w:rPr>
  </w:style>
  <w:style w:type="paragraph" w:styleId="Heading3">
    <w:name w:val="heading 3"/>
    <w:basedOn w:val="Normal"/>
    <w:next w:val="Normal"/>
    <w:link w:val="Heading3Char"/>
    <w:uiPriority w:val="9"/>
    <w:semiHidden/>
    <w:unhideWhenUsed/>
    <w:qFormat/>
    <w:rsid w:val="00822E9A"/>
    <w:pPr>
      <w:keepNext/>
      <w:keepLines/>
      <w:spacing w:before="160" w:after="80"/>
      <w:outlineLvl w:val="2"/>
    </w:pPr>
    <w:rPr>
      <w:rFonts w:eastAsiaTheme="majorEastAsia" w:cstheme="majorBidi"/>
      <w:color w:val="0F4761" w:themeColor="accent1" w:themeShade="BF"/>
      <w:sz w:val="28"/>
      <w:szCs w:val="28"/>
    </w:rPr>
  </w:style>
  <w:style w:type="paragraph" w:styleId="Heading4">
    <w:name w:val="heading 4"/>
    <w:basedOn w:val="Normal"/>
    <w:next w:val="Normal"/>
    <w:link w:val="Heading4Char"/>
    <w:uiPriority w:val="9"/>
    <w:semiHidden/>
    <w:unhideWhenUsed/>
    <w:qFormat/>
    <w:rsid w:val="00822E9A"/>
    <w:pPr>
      <w:keepNext/>
      <w:keepLines/>
      <w:spacing w:before="80" w:after="40"/>
      <w:outlineLvl w:val="3"/>
    </w:pPr>
    <w:rPr>
      <w:rFonts w:eastAsiaTheme="majorEastAsia" w:cstheme="majorBidi"/>
      <w:i/>
      <w:iCs/>
      <w:color w:val="0F4761" w:themeColor="accent1" w:themeShade="BF"/>
    </w:rPr>
  </w:style>
  <w:style w:type="paragraph" w:styleId="Heading5">
    <w:name w:val="heading 5"/>
    <w:basedOn w:val="Normal"/>
    <w:next w:val="Normal"/>
    <w:link w:val="Heading5Char"/>
    <w:uiPriority w:val="9"/>
    <w:semiHidden/>
    <w:unhideWhenUsed/>
    <w:qFormat/>
    <w:rsid w:val="00822E9A"/>
    <w:pPr>
      <w:keepNext/>
      <w:keepLines/>
      <w:spacing w:before="80" w:after="40"/>
      <w:outlineLvl w:val="4"/>
    </w:pPr>
    <w:rPr>
      <w:rFonts w:eastAsiaTheme="majorEastAsia" w:cstheme="majorBidi"/>
      <w:color w:val="0F4761" w:themeColor="accent1" w:themeShade="BF"/>
    </w:rPr>
  </w:style>
  <w:style w:type="paragraph" w:styleId="Heading6">
    <w:name w:val="heading 6"/>
    <w:basedOn w:val="Normal"/>
    <w:next w:val="Normal"/>
    <w:link w:val="Heading6Char"/>
    <w:uiPriority w:val="9"/>
    <w:semiHidden/>
    <w:unhideWhenUsed/>
    <w:qFormat/>
    <w:rsid w:val="00822E9A"/>
    <w:pPr>
      <w:keepNext/>
      <w:keepLines/>
      <w:spacing w:before="40"/>
      <w:outlineLvl w:val="5"/>
    </w:pPr>
    <w:rPr>
      <w:rFonts w:eastAsiaTheme="majorEastAsia" w:cstheme="majorBidi"/>
      <w:i/>
      <w:iCs/>
      <w:color w:val="595959" w:themeColor="text1" w:themeTint="A6"/>
    </w:rPr>
  </w:style>
  <w:style w:type="paragraph" w:styleId="Heading7">
    <w:name w:val="heading 7"/>
    <w:basedOn w:val="Normal"/>
    <w:next w:val="Normal"/>
    <w:link w:val="Heading7Char"/>
    <w:uiPriority w:val="9"/>
    <w:semiHidden/>
    <w:unhideWhenUsed/>
    <w:qFormat/>
    <w:rsid w:val="00822E9A"/>
    <w:pPr>
      <w:keepNext/>
      <w:keepLines/>
      <w:spacing w:before="40"/>
      <w:outlineLvl w:val="6"/>
    </w:pPr>
    <w:rPr>
      <w:rFonts w:eastAsiaTheme="majorEastAsia" w:cstheme="majorBidi"/>
      <w:color w:val="595959" w:themeColor="text1" w:themeTint="A6"/>
    </w:rPr>
  </w:style>
  <w:style w:type="paragraph" w:styleId="Heading8">
    <w:name w:val="heading 8"/>
    <w:basedOn w:val="Normal"/>
    <w:next w:val="Normal"/>
    <w:link w:val="Heading8Char"/>
    <w:uiPriority w:val="9"/>
    <w:semiHidden/>
    <w:unhideWhenUsed/>
    <w:qFormat/>
    <w:rsid w:val="00822E9A"/>
    <w:pPr>
      <w:keepNext/>
      <w:keepLines/>
      <w:outlineLvl w:val="7"/>
    </w:pPr>
    <w:rPr>
      <w:rFonts w:eastAsiaTheme="majorEastAsia" w:cstheme="majorBidi"/>
      <w:i/>
      <w:iCs/>
      <w:color w:val="272727" w:themeColor="text1" w:themeTint="D8"/>
    </w:rPr>
  </w:style>
  <w:style w:type="paragraph" w:styleId="Heading9">
    <w:name w:val="heading 9"/>
    <w:basedOn w:val="Normal"/>
    <w:next w:val="Normal"/>
    <w:link w:val="Heading9Char"/>
    <w:uiPriority w:val="9"/>
    <w:semiHidden/>
    <w:unhideWhenUsed/>
    <w:qFormat/>
    <w:rsid w:val="00822E9A"/>
    <w:pPr>
      <w:keepNext/>
      <w:keepLines/>
      <w:outlineLvl w:val="8"/>
    </w:pPr>
    <w:rPr>
      <w:rFonts w:eastAsiaTheme="majorEastAsia" w:cstheme="majorBidi"/>
      <w:color w:val="272727" w:themeColor="text1" w:themeTint="D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22E9A"/>
    <w:rPr>
      <w:rFonts w:asciiTheme="majorHAnsi" w:eastAsiaTheme="majorEastAsia" w:hAnsiTheme="majorHAnsi" w:cstheme="majorBidi"/>
      <w:color w:val="0F4761" w:themeColor="accent1" w:themeShade="BF"/>
      <w:sz w:val="40"/>
      <w:szCs w:val="40"/>
    </w:rPr>
  </w:style>
  <w:style w:type="character" w:customStyle="1" w:styleId="Heading2Char">
    <w:name w:val="Heading 2 Char"/>
    <w:basedOn w:val="DefaultParagraphFont"/>
    <w:link w:val="Heading2"/>
    <w:uiPriority w:val="9"/>
    <w:semiHidden/>
    <w:rsid w:val="00822E9A"/>
    <w:rPr>
      <w:rFonts w:asciiTheme="majorHAnsi" w:eastAsiaTheme="majorEastAsia" w:hAnsiTheme="majorHAnsi" w:cstheme="majorBidi"/>
      <w:color w:val="0F4761" w:themeColor="accent1" w:themeShade="BF"/>
      <w:sz w:val="32"/>
      <w:szCs w:val="32"/>
    </w:rPr>
  </w:style>
  <w:style w:type="character" w:customStyle="1" w:styleId="Heading3Char">
    <w:name w:val="Heading 3 Char"/>
    <w:basedOn w:val="DefaultParagraphFont"/>
    <w:link w:val="Heading3"/>
    <w:uiPriority w:val="9"/>
    <w:semiHidden/>
    <w:rsid w:val="00822E9A"/>
    <w:rPr>
      <w:rFonts w:eastAsiaTheme="majorEastAsia" w:cstheme="majorBidi"/>
      <w:color w:val="0F4761" w:themeColor="accent1" w:themeShade="BF"/>
      <w:sz w:val="28"/>
      <w:szCs w:val="28"/>
    </w:rPr>
  </w:style>
  <w:style w:type="character" w:customStyle="1" w:styleId="Heading4Char">
    <w:name w:val="Heading 4 Char"/>
    <w:basedOn w:val="DefaultParagraphFont"/>
    <w:link w:val="Heading4"/>
    <w:uiPriority w:val="9"/>
    <w:semiHidden/>
    <w:rsid w:val="00822E9A"/>
    <w:rPr>
      <w:rFonts w:eastAsiaTheme="majorEastAsia" w:cstheme="majorBidi"/>
      <w:i/>
      <w:iCs/>
      <w:color w:val="0F4761" w:themeColor="accent1" w:themeShade="BF"/>
    </w:rPr>
  </w:style>
  <w:style w:type="character" w:customStyle="1" w:styleId="Heading5Char">
    <w:name w:val="Heading 5 Char"/>
    <w:basedOn w:val="DefaultParagraphFont"/>
    <w:link w:val="Heading5"/>
    <w:uiPriority w:val="9"/>
    <w:semiHidden/>
    <w:rsid w:val="00822E9A"/>
    <w:rPr>
      <w:rFonts w:eastAsiaTheme="majorEastAsia" w:cstheme="majorBidi"/>
      <w:color w:val="0F4761" w:themeColor="accent1" w:themeShade="BF"/>
    </w:rPr>
  </w:style>
  <w:style w:type="character" w:customStyle="1" w:styleId="Heading6Char">
    <w:name w:val="Heading 6 Char"/>
    <w:basedOn w:val="DefaultParagraphFont"/>
    <w:link w:val="Heading6"/>
    <w:uiPriority w:val="9"/>
    <w:semiHidden/>
    <w:rsid w:val="00822E9A"/>
    <w:rPr>
      <w:rFonts w:eastAsiaTheme="majorEastAsia" w:cstheme="majorBidi"/>
      <w:i/>
      <w:iCs/>
      <w:color w:val="595959" w:themeColor="text1" w:themeTint="A6"/>
    </w:rPr>
  </w:style>
  <w:style w:type="character" w:customStyle="1" w:styleId="Heading7Char">
    <w:name w:val="Heading 7 Char"/>
    <w:basedOn w:val="DefaultParagraphFont"/>
    <w:link w:val="Heading7"/>
    <w:uiPriority w:val="9"/>
    <w:semiHidden/>
    <w:rsid w:val="00822E9A"/>
    <w:rPr>
      <w:rFonts w:eastAsiaTheme="majorEastAsia" w:cstheme="majorBidi"/>
      <w:color w:val="595959" w:themeColor="text1" w:themeTint="A6"/>
    </w:rPr>
  </w:style>
  <w:style w:type="character" w:customStyle="1" w:styleId="Heading8Char">
    <w:name w:val="Heading 8 Char"/>
    <w:basedOn w:val="DefaultParagraphFont"/>
    <w:link w:val="Heading8"/>
    <w:uiPriority w:val="9"/>
    <w:semiHidden/>
    <w:rsid w:val="00822E9A"/>
    <w:rPr>
      <w:rFonts w:eastAsiaTheme="majorEastAsia" w:cstheme="majorBidi"/>
      <w:i/>
      <w:iCs/>
      <w:color w:val="272727" w:themeColor="text1" w:themeTint="D8"/>
    </w:rPr>
  </w:style>
  <w:style w:type="character" w:customStyle="1" w:styleId="Heading9Char">
    <w:name w:val="Heading 9 Char"/>
    <w:basedOn w:val="DefaultParagraphFont"/>
    <w:link w:val="Heading9"/>
    <w:uiPriority w:val="9"/>
    <w:semiHidden/>
    <w:rsid w:val="00822E9A"/>
    <w:rPr>
      <w:rFonts w:eastAsiaTheme="majorEastAsia" w:cstheme="majorBidi"/>
      <w:color w:val="272727" w:themeColor="text1" w:themeTint="D8"/>
    </w:rPr>
  </w:style>
  <w:style w:type="paragraph" w:styleId="Title">
    <w:name w:val="Title"/>
    <w:basedOn w:val="Normal"/>
    <w:next w:val="Normal"/>
    <w:link w:val="TitleChar"/>
    <w:uiPriority w:val="10"/>
    <w:qFormat/>
    <w:rsid w:val="00822E9A"/>
    <w:pPr>
      <w:spacing w:after="8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822E9A"/>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822E9A"/>
    <w:pPr>
      <w:numPr>
        <w:ilvl w:val="1"/>
      </w:numPr>
    </w:pPr>
    <w:rPr>
      <w:rFonts w:eastAsiaTheme="majorEastAsia" w:cstheme="majorBidi"/>
      <w:color w:val="595959" w:themeColor="text1" w:themeTint="A6"/>
      <w:spacing w:val="15"/>
      <w:sz w:val="28"/>
      <w:szCs w:val="28"/>
    </w:rPr>
  </w:style>
  <w:style w:type="character" w:customStyle="1" w:styleId="SubtitleChar">
    <w:name w:val="Subtitle Char"/>
    <w:basedOn w:val="DefaultParagraphFont"/>
    <w:link w:val="Subtitle"/>
    <w:uiPriority w:val="11"/>
    <w:rsid w:val="00822E9A"/>
    <w:rPr>
      <w:rFonts w:eastAsiaTheme="majorEastAsia" w:cstheme="majorBidi"/>
      <w:color w:val="595959" w:themeColor="text1" w:themeTint="A6"/>
      <w:spacing w:val="15"/>
      <w:sz w:val="28"/>
      <w:szCs w:val="28"/>
    </w:rPr>
  </w:style>
  <w:style w:type="paragraph" w:styleId="Quote">
    <w:name w:val="Quote"/>
    <w:basedOn w:val="Normal"/>
    <w:next w:val="Normal"/>
    <w:link w:val="QuoteChar"/>
    <w:uiPriority w:val="29"/>
    <w:qFormat/>
    <w:rsid w:val="00822E9A"/>
    <w:pPr>
      <w:spacing w:before="160"/>
      <w:jc w:val="center"/>
    </w:pPr>
    <w:rPr>
      <w:i/>
      <w:iCs/>
      <w:color w:val="404040" w:themeColor="text1" w:themeTint="BF"/>
    </w:rPr>
  </w:style>
  <w:style w:type="character" w:customStyle="1" w:styleId="QuoteChar">
    <w:name w:val="Quote Char"/>
    <w:basedOn w:val="DefaultParagraphFont"/>
    <w:link w:val="Quote"/>
    <w:uiPriority w:val="29"/>
    <w:rsid w:val="00822E9A"/>
    <w:rPr>
      <w:i/>
      <w:iCs/>
      <w:color w:val="404040" w:themeColor="text1" w:themeTint="BF"/>
    </w:rPr>
  </w:style>
  <w:style w:type="paragraph" w:styleId="ListParagraph">
    <w:name w:val="List Paragraph"/>
    <w:basedOn w:val="Normal"/>
    <w:uiPriority w:val="1"/>
    <w:qFormat/>
    <w:rsid w:val="00822E9A"/>
    <w:pPr>
      <w:ind w:left="720"/>
      <w:contextualSpacing/>
    </w:pPr>
  </w:style>
  <w:style w:type="character" w:styleId="IntenseEmphasis">
    <w:name w:val="Intense Emphasis"/>
    <w:basedOn w:val="DefaultParagraphFont"/>
    <w:uiPriority w:val="21"/>
    <w:qFormat/>
    <w:rsid w:val="00822E9A"/>
    <w:rPr>
      <w:i/>
      <w:iCs/>
      <w:color w:val="0F4761" w:themeColor="accent1" w:themeShade="BF"/>
    </w:rPr>
  </w:style>
  <w:style w:type="paragraph" w:styleId="IntenseQuote">
    <w:name w:val="Intense Quote"/>
    <w:basedOn w:val="Normal"/>
    <w:next w:val="Normal"/>
    <w:link w:val="IntenseQuoteChar"/>
    <w:uiPriority w:val="30"/>
    <w:qFormat/>
    <w:rsid w:val="00822E9A"/>
    <w:pPr>
      <w:pBdr>
        <w:top w:val="single" w:sz="4" w:space="10" w:color="0F4761" w:themeColor="accent1" w:themeShade="BF"/>
        <w:bottom w:val="single" w:sz="4" w:space="10" w:color="0F4761" w:themeColor="accent1" w:themeShade="BF"/>
      </w:pBdr>
      <w:spacing w:before="360" w:after="360"/>
      <w:ind w:left="864" w:right="864"/>
      <w:jc w:val="center"/>
    </w:pPr>
    <w:rPr>
      <w:i/>
      <w:iCs/>
      <w:color w:val="0F4761" w:themeColor="accent1" w:themeShade="BF"/>
    </w:rPr>
  </w:style>
  <w:style w:type="character" w:customStyle="1" w:styleId="IntenseQuoteChar">
    <w:name w:val="Intense Quote Char"/>
    <w:basedOn w:val="DefaultParagraphFont"/>
    <w:link w:val="IntenseQuote"/>
    <w:uiPriority w:val="30"/>
    <w:rsid w:val="00822E9A"/>
    <w:rPr>
      <w:i/>
      <w:iCs/>
      <w:color w:val="0F4761" w:themeColor="accent1" w:themeShade="BF"/>
    </w:rPr>
  </w:style>
  <w:style w:type="character" w:styleId="IntenseReference">
    <w:name w:val="Intense Reference"/>
    <w:basedOn w:val="DefaultParagraphFont"/>
    <w:uiPriority w:val="32"/>
    <w:qFormat/>
    <w:rsid w:val="00822E9A"/>
    <w:rPr>
      <w:b/>
      <w:bCs/>
      <w:smallCaps/>
      <w:color w:val="0F4761" w:themeColor="accent1" w:themeShade="BF"/>
      <w:spacing w:val="5"/>
    </w:rPr>
  </w:style>
  <w:style w:type="paragraph" w:styleId="NormalWeb">
    <w:name w:val="Normal (Web)"/>
    <w:basedOn w:val="Normal"/>
    <w:uiPriority w:val="99"/>
    <w:semiHidden/>
    <w:unhideWhenUsed/>
    <w:rsid w:val="00A87C82"/>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jpe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chart" Target="charts/chart2.xml"/><Relationship Id="rId12" Type="http://schemas.openxmlformats.org/officeDocument/2006/relationships/image" Target="media/image6.pn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9.png"/><Relationship Id="rId1" Type="http://schemas.openxmlformats.org/officeDocument/2006/relationships/numbering" Target="numbering.xml"/><Relationship Id="rId6" Type="http://schemas.openxmlformats.org/officeDocument/2006/relationships/image" Target="media/image1.png"/><Relationship Id="rId11" Type="http://schemas.openxmlformats.org/officeDocument/2006/relationships/image" Target="media/image5.emf"/><Relationship Id="rId5" Type="http://schemas.openxmlformats.org/officeDocument/2006/relationships/chart" Target="charts/chart1.xml"/><Relationship Id="rId15" Type="http://schemas.openxmlformats.org/officeDocument/2006/relationships/image" Target="media/image8.png"/><Relationship Id="rId10" Type="http://schemas.openxmlformats.org/officeDocument/2006/relationships/image" Target="media/image4.emf"/><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chart" Target="charts/chart3.xml"/></Relationships>
</file>

<file path=word/charts/_rels/chart1.xml.rels><?xml version="1.0" encoding="UTF-8" standalone="yes"?>
<Relationships xmlns="http://schemas.openxmlformats.org/package/2006/relationships"><Relationship Id="rId3" Type="http://schemas.openxmlformats.org/officeDocument/2006/relationships/oleObject" Target="file:///\\s1\ActiveProjects\c24-054_MnDOT_TPF-5(504)%20Stripping%20Study\MnROAD%20Test%20Section\PSPA%20Test%20Data%20Summary%2011-13.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s1\ActiveProjects\c24-054_MnDOT_TPF-5(504)%20Stripping%20Study\MnROAD%20Test%20Section\PSPA%20Test%20Data%20Summary%2011-13.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think3\K\c24-054%20TPF-5(504)%20Stripping\Nevada%20US93\NV%20US93%20006.xlsx" TargetMode="External"/><Relationship Id="rId2" Type="http://schemas.microsoft.com/office/2011/relationships/chartColorStyle" Target="colors3.xml"/><Relationship Id="rId1" Type="http://schemas.microsoft.com/office/2011/relationships/chartStyle" Target="styl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032216715596222"/>
          <c:y val="0.29670013338240431"/>
          <c:w val="0.69270230943562661"/>
          <c:h val="0.67059656393799238"/>
        </c:manualLayout>
      </c:layout>
      <c:scatterChart>
        <c:scatterStyle val="lineMarker"/>
        <c:varyColors val="0"/>
        <c:ser>
          <c:idx val="0"/>
          <c:order val="0"/>
          <c:spPr>
            <a:ln w="28575" cap="rnd">
              <a:noFill/>
              <a:round/>
            </a:ln>
            <a:effectLst/>
          </c:spPr>
          <c:marker>
            <c:symbol val="circle"/>
            <c:size val="5"/>
            <c:spPr>
              <a:solidFill>
                <a:schemeClr val="accent1"/>
              </a:solidFill>
              <a:ln w="9525">
                <a:solidFill>
                  <a:schemeClr val="accent1"/>
                </a:solidFill>
              </a:ln>
              <a:effectLst/>
            </c:spPr>
          </c:marker>
          <c:xVal>
            <c:numRef>
              <c:f>Sheet1!$F$2:$F$17</c:f>
              <c:numCache>
                <c:formatCode>General</c:formatCode>
                <c:ptCount val="16"/>
                <c:pt idx="0">
                  <c:v>16.760000000000002</c:v>
                </c:pt>
                <c:pt idx="1">
                  <c:v>16.62</c:v>
                </c:pt>
                <c:pt idx="2">
                  <c:v>16.420000000000002</c:v>
                </c:pt>
                <c:pt idx="3">
                  <c:v>16.23</c:v>
                </c:pt>
                <c:pt idx="4">
                  <c:v>16.059999999999999</c:v>
                </c:pt>
                <c:pt idx="5">
                  <c:v>15.93</c:v>
                </c:pt>
                <c:pt idx="6">
                  <c:v>15.87</c:v>
                </c:pt>
                <c:pt idx="7">
                  <c:v>15.85</c:v>
                </c:pt>
                <c:pt idx="8">
                  <c:v>15.88</c:v>
                </c:pt>
                <c:pt idx="9">
                  <c:v>15.98</c:v>
                </c:pt>
                <c:pt idx="10">
                  <c:v>16.21</c:v>
                </c:pt>
                <c:pt idx="11">
                  <c:v>16.579999999999998</c:v>
                </c:pt>
                <c:pt idx="12">
                  <c:v>16.989999999999998</c:v>
                </c:pt>
                <c:pt idx="13">
                  <c:v>17.350000000000001</c:v>
                </c:pt>
                <c:pt idx="14">
                  <c:v>17.440000000000001</c:v>
                </c:pt>
                <c:pt idx="15">
                  <c:v>17.2</c:v>
                </c:pt>
              </c:numCache>
            </c:numRef>
          </c:xVal>
          <c:yVal>
            <c:numRef>
              <c:f>Sheet1!$H$2:$H$17</c:f>
              <c:numCache>
                <c:formatCode>General</c:formatCode>
                <c:ptCount val="16"/>
                <c:pt idx="0">
                  <c:v>11.138879999999999</c:v>
                </c:pt>
                <c:pt idx="1">
                  <c:v>10.54848</c:v>
                </c:pt>
                <c:pt idx="2">
                  <c:v>9.7612799999999993</c:v>
                </c:pt>
                <c:pt idx="3">
                  <c:v>9.1315200000000001</c:v>
                </c:pt>
                <c:pt idx="4">
                  <c:v>8.5411199999999994</c:v>
                </c:pt>
                <c:pt idx="5">
                  <c:v>7.9113600000000002</c:v>
                </c:pt>
                <c:pt idx="6">
                  <c:v>7.39968</c:v>
                </c:pt>
                <c:pt idx="7">
                  <c:v>6.8486399999999996</c:v>
                </c:pt>
                <c:pt idx="8">
                  <c:v>6.3369600000000004</c:v>
                </c:pt>
                <c:pt idx="9">
                  <c:v>5.8252799999999993</c:v>
                </c:pt>
                <c:pt idx="10">
                  <c:v>5.3529600000000004</c:v>
                </c:pt>
                <c:pt idx="11">
                  <c:v>4.8806399999999996</c:v>
                </c:pt>
                <c:pt idx="12">
                  <c:v>4.4476800000000001</c:v>
                </c:pt>
                <c:pt idx="13">
                  <c:v>4.0540799999999999</c:v>
                </c:pt>
                <c:pt idx="14">
                  <c:v>3.6211199999999999</c:v>
                </c:pt>
                <c:pt idx="15">
                  <c:v>3.1881599999999999</c:v>
                </c:pt>
              </c:numCache>
            </c:numRef>
          </c:yVal>
          <c:smooth val="0"/>
          <c:extLst>
            <c:ext xmlns:c16="http://schemas.microsoft.com/office/drawing/2014/chart" uri="{C3380CC4-5D6E-409C-BE32-E72D297353CC}">
              <c16:uniqueId val="{00000000-2521-4875-A4B6-1286EF5DC091}"/>
            </c:ext>
          </c:extLst>
        </c:ser>
        <c:dLbls>
          <c:showLegendKey val="0"/>
          <c:showVal val="0"/>
          <c:showCatName val="0"/>
          <c:showSerName val="0"/>
          <c:showPercent val="0"/>
          <c:showBubbleSize val="0"/>
        </c:dLbls>
        <c:axId val="1782505632"/>
        <c:axId val="1782490272"/>
      </c:scatterChart>
      <c:valAx>
        <c:axId val="1782505632"/>
        <c:scaling>
          <c:orientation val="minMax"/>
          <c:max val="20"/>
          <c:min val="0"/>
        </c:scaling>
        <c:delete val="0"/>
        <c:axPos val="t"/>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Modulu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82490272"/>
        <c:crosses val="autoZero"/>
        <c:crossBetween val="midCat"/>
      </c:valAx>
      <c:valAx>
        <c:axId val="1782490272"/>
        <c:scaling>
          <c:orientation val="maxMin"/>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Depth (in.)</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82505632"/>
        <c:crosses val="autoZero"/>
        <c:crossBetween val="midCat"/>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scatterChart>
        <c:scatterStyle val="lineMarker"/>
        <c:varyColors val="0"/>
        <c:ser>
          <c:idx val="0"/>
          <c:order val="0"/>
          <c:tx>
            <c:strRef>
              <c:f>Sheet1!$D$1</c:f>
              <c:strCache>
                <c:ptCount val="1"/>
                <c:pt idx="0">
                  <c:v>Wavelength</c:v>
                </c:pt>
              </c:strCache>
            </c:strRef>
          </c:tx>
          <c:spPr>
            <a:ln w="28575" cap="rnd">
              <a:noFill/>
              <a:round/>
            </a:ln>
            <a:effectLst/>
          </c:spPr>
          <c:marker>
            <c:symbol val="circle"/>
            <c:size val="5"/>
            <c:spPr>
              <a:solidFill>
                <a:schemeClr val="accent1"/>
              </a:solidFill>
              <a:ln w="9525">
                <a:solidFill>
                  <a:schemeClr val="accent1"/>
                </a:solidFill>
              </a:ln>
              <a:effectLst/>
            </c:spPr>
          </c:marker>
          <c:xVal>
            <c:numRef>
              <c:f>Sheet1!$C$2:$C$17</c:f>
              <c:numCache>
                <c:formatCode>General</c:formatCode>
                <c:ptCount val="16"/>
                <c:pt idx="0">
                  <c:v>4.46</c:v>
                </c:pt>
                <c:pt idx="1">
                  <c:v>4.6900000000000004</c:v>
                </c:pt>
                <c:pt idx="2">
                  <c:v>4.9400000000000004</c:v>
                </c:pt>
                <c:pt idx="3">
                  <c:v>5.23</c:v>
                </c:pt>
                <c:pt idx="4">
                  <c:v>5.54</c:v>
                </c:pt>
                <c:pt idx="5">
                  <c:v>5.92</c:v>
                </c:pt>
                <c:pt idx="6">
                  <c:v>6.42</c:v>
                </c:pt>
                <c:pt idx="7">
                  <c:v>7.2</c:v>
                </c:pt>
                <c:pt idx="8">
                  <c:v>8.14</c:v>
                </c:pt>
                <c:pt idx="9">
                  <c:v>9.07</c:v>
                </c:pt>
                <c:pt idx="10">
                  <c:v>10.08</c:v>
                </c:pt>
                <c:pt idx="11">
                  <c:v>11.32</c:v>
                </c:pt>
                <c:pt idx="12">
                  <c:v>12.88</c:v>
                </c:pt>
                <c:pt idx="13">
                  <c:v>14.04</c:v>
                </c:pt>
                <c:pt idx="14">
                  <c:v>14.09</c:v>
                </c:pt>
                <c:pt idx="15">
                  <c:v>14.14</c:v>
                </c:pt>
              </c:numCache>
            </c:numRef>
          </c:xVal>
          <c:yVal>
            <c:numRef>
              <c:f>Sheet1!$D$2:$D$17</c:f>
              <c:numCache>
                <c:formatCode>General</c:formatCode>
                <c:ptCount val="16"/>
                <c:pt idx="0">
                  <c:v>10.784640000000001</c:v>
                </c:pt>
                <c:pt idx="1">
                  <c:v>10.036799999999999</c:v>
                </c:pt>
                <c:pt idx="2">
                  <c:v>9.36768</c:v>
                </c:pt>
                <c:pt idx="3">
                  <c:v>8.6198399999999999</c:v>
                </c:pt>
                <c:pt idx="4">
                  <c:v>8.0294399999999992</c:v>
                </c:pt>
                <c:pt idx="5">
                  <c:v>7.39968</c:v>
                </c:pt>
                <c:pt idx="6">
                  <c:v>6.9273599999999993</c:v>
                </c:pt>
                <c:pt idx="7">
                  <c:v>6.41568</c:v>
                </c:pt>
                <c:pt idx="8">
                  <c:v>5.9433599999999993</c:v>
                </c:pt>
                <c:pt idx="9">
                  <c:v>5.4710400000000003</c:v>
                </c:pt>
                <c:pt idx="10">
                  <c:v>5.0380799999999999</c:v>
                </c:pt>
                <c:pt idx="11">
                  <c:v>4.6051200000000003</c:v>
                </c:pt>
                <c:pt idx="12">
                  <c:v>4.1721599999999999</c:v>
                </c:pt>
                <c:pt idx="13">
                  <c:v>3.7391999999999999</c:v>
                </c:pt>
                <c:pt idx="14">
                  <c:v>3.3062400000000003</c:v>
                </c:pt>
                <c:pt idx="15">
                  <c:v>2.9126399999999997</c:v>
                </c:pt>
              </c:numCache>
            </c:numRef>
          </c:yVal>
          <c:smooth val="0"/>
          <c:extLst>
            <c:ext xmlns:c16="http://schemas.microsoft.com/office/drawing/2014/chart" uri="{C3380CC4-5D6E-409C-BE32-E72D297353CC}">
              <c16:uniqueId val="{00000000-936D-4AF2-BB32-208382EEF60B}"/>
            </c:ext>
          </c:extLst>
        </c:ser>
        <c:dLbls>
          <c:showLegendKey val="0"/>
          <c:showVal val="0"/>
          <c:showCatName val="0"/>
          <c:showSerName val="0"/>
          <c:showPercent val="0"/>
          <c:showBubbleSize val="0"/>
        </c:dLbls>
        <c:axId val="1349312480"/>
        <c:axId val="1349332640"/>
      </c:scatterChart>
      <c:valAx>
        <c:axId val="1349312480"/>
        <c:scaling>
          <c:orientation val="minMax"/>
        </c:scaling>
        <c:delete val="0"/>
        <c:axPos val="t"/>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Modulu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49332640"/>
        <c:crosses val="autoZero"/>
        <c:crossBetween val="midCat"/>
      </c:valAx>
      <c:valAx>
        <c:axId val="1349332640"/>
        <c:scaling>
          <c:orientation val="maxMin"/>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Depth (in.)</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49312480"/>
        <c:crosses val="autoZero"/>
        <c:crossBetween val="midCat"/>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960" b="0" i="0" u="none" strike="noStrike" kern="1200" spc="0" baseline="0">
                <a:solidFill>
                  <a:schemeClr val="tx1">
                    <a:lumMod val="65000"/>
                    <a:lumOff val="35000"/>
                  </a:schemeClr>
                </a:solidFill>
                <a:latin typeface="+mn-lt"/>
                <a:ea typeface="+mn-ea"/>
                <a:cs typeface="+mn-cs"/>
              </a:defRPr>
            </a:pPr>
            <a:r>
              <a:rPr lang="en-US"/>
              <a:t>US 93 Nevada</a:t>
            </a:r>
          </a:p>
        </c:rich>
      </c:tx>
      <c:overlay val="0"/>
      <c:spPr>
        <a:noFill/>
        <a:ln>
          <a:noFill/>
        </a:ln>
        <a:effectLst/>
      </c:spPr>
      <c:txPr>
        <a:bodyPr rot="0" spcFirstLastPara="1" vertOverflow="ellipsis" vert="horz" wrap="square" anchor="ctr" anchorCtr="1"/>
        <a:lstStyle/>
        <a:p>
          <a:pPr>
            <a:defRPr sz="96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2775003203713459"/>
          <c:y val="0.18009259259259258"/>
          <c:w val="0.81636723811422307"/>
          <c:h val="0.65642023913677461"/>
        </c:manualLayout>
      </c:layout>
      <c:scatterChart>
        <c:scatterStyle val="lineMarker"/>
        <c:varyColors val="0"/>
        <c:ser>
          <c:idx val="1"/>
          <c:order val="0"/>
          <c:tx>
            <c:strRef>
              <c:f>'Offset 3'!$L$1</c:f>
              <c:strCache>
                <c:ptCount val="1"/>
                <c:pt idx="0">
                  <c:v>absRealPctKthNormChan-BR</c:v>
                </c:pt>
              </c:strCache>
            </c:strRef>
          </c:tx>
          <c:spPr>
            <a:ln w="38100" cap="rnd">
              <a:noFill/>
              <a:round/>
            </a:ln>
            <a:effectLst/>
          </c:spPr>
          <c:marker>
            <c:symbol val="circle"/>
            <c:size val="4"/>
            <c:spPr>
              <a:solidFill>
                <a:schemeClr val="accent2"/>
              </a:solidFill>
              <a:ln w="9525">
                <a:solidFill>
                  <a:schemeClr val="accent2"/>
                </a:solidFill>
              </a:ln>
              <a:effectLst/>
            </c:spPr>
          </c:marker>
          <c:xVal>
            <c:numRef>
              <c:f>'Offset 3'!$D$2:$D$1048331</c:f>
              <c:numCache>
                <c:formatCode>General</c:formatCode>
                <c:ptCount val="1048330"/>
                <c:pt idx="0">
                  <c:v>45.114792187499994</c:v>
                </c:pt>
                <c:pt idx="1">
                  <c:v>45.115366015625</c:v>
                </c:pt>
                <c:pt idx="2">
                  <c:v>45.116292968749995</c:v>
                </c:pt>
                <c:pt idx="3">
                  <c:v>45.117264062499999</c:v>
                </c:pt>
                <c:pt idx="4">
                  <c:v>45.118191015624994</c:v>
                </c:pt>
                <c:pt idx="5">
                  <c:v>45.119162109374997</c:v>
                </c:pt>
                <c:pt idx="6">
                  <c:v>45.1200890625</c:v>
                </c:pt>
                <c:pt idx="7">
                  <c:v>45.121060156249996</c:v>
                </c:pt>
                <c:pt idx="8">
                  <c:v>45.121987109374999</c:v>
                </c:pt>
                <c:pt idx="9">
                  <c:v>45.122958203124995</c:v>
                </c:pt>
                <c:pt idx="10">
                  <c:v>45.123885156249997</c:v>
                </c:pt>
                <c:pt idx="11">
                  <c:v>45.124856249999993</c:v>
                </c:pt>
                <c:pt idx="12">
                  <c:v>45.125783203124996</c:v>
                </c:pt>
                <c:pt idx="13">
                  <c:v>45.126710156249999</c:v>
                </c:pt>
                <c:pt idx="14">
                  <c:v>45.127681249999995</c:v>
                </c:pt>
                <c:pt idx="15">
                  <c:v>45.128608203124998</c:v>
                </c:pt>
                <c:pt idx="16">
                  <c:v>45.129579296874994</c:v>
                </c:pt>
                <c:pt idx="17">
                  <c:v>45.130506249999996</c:v>
                </c:pt>
                <c:pt idx="18">
                  <c:v>45.131477343749999</c:v>
                </c:pt>
                <c:pt idx="19">
                  <c:v>45.132404296874995</c:v>
                </c:pt>
                <c:pt idx="20">
                  <c:v>45.133375390624998</c:v>
                </c:pt>
                <c:pt idx="21">
                  <c:v>45.134302343749994</c:v>
                </c:pt>
                <c:pt idx="22">
                  <c:v>45.135273437499997</c:v>
                </c:pt>
                <c:pt idx="23">
                  <c:v>45.136200390625</c:v>
                </c:pt>
                <c:pt idx="24">
                  <c:v>45.137171484374996</c:v>
                </c:pt>
                <c:pt idx="25">
                  <c:v>45.138098437499998</c:v>
                </c:pt>
                <c:pt idx="26">
                  <c:v>45.139025390624994</c:v>
                </c:pt>
                <c:pt idx="27">
                  <c:v>45.139996484374997</c:v>
                </c:pt>
                <c:pt idx="28">
                  <c:v>45.1409234375</c:v>
                </c:pt>
                <c:pt idx="29">
                  <c:v>45.141894531249996</c:v>
                </c:pt>
                <c:pt idx="30">
                  <c:v>45.142821484374998</c:v>
                </c:pt>
                <c:pt idx="31">
                  <c:v>45.143792578124994</c:v>
                </c:pt>
                <c:pt idx="32">
                  <c:v>45.144719531249997</c:v>
                </c:pt>
                <c:pt idx="33">
                  <c:v>45.145690624999993</c:v>
                </c:pt>
                <c:pt idx="34">
                  <c:v>45.146617578124996</c:v>
                </c:pt>
                <c:pt idx="35">
                  <c:v>45.147588671874999</c:v>
                </c:pt>
                <c:pt idx="36">
                  <c:v>45.148515624999995</c:v>
                </c:pt>
                <c:pt idx="37">
                  <c:v>45.149486718749998</c:v>
                </c:pt>
                <c:pt idx="38">
                  <c:v>45.150413671874993</c:v>
                </c:pt>
                <c:pt idx="39">
                  <c:v>45.151384765624996</c:v>
                </c:pt>
                <c:pt idx="40">
                  <c:v>45.152311718749999</c:v>
                </c:pt>
                <c:pt idx="41">
                  <c:v>45.153238671874995</c:v>
                </c:pt>
                <c:pt idx="42">
                  <c:v>45.154209765624998</c:v>
                </c:pt>
                <c:pt idx="43">
                  <c:v>45.155136718749993</c:v>
                </c:pt>
                <c:pt idx="44">
                  <c:v>45.156107812499997</c:v>
                </c:pt>
                <c:pt idx="45">
                  <c:v>45.157034765624999</c:v>
                </c:pt>
                <c:pt idx="46">
                  <c:v>45.158005859374995</c:v>
                </c:pt>
                <c:pt idx="47">
                  <c:v>45.158932812499998</c:v>
                </c:pt>
                <c:pt idx="48">
                  <c:v>45.159903906249994</c:v>
                </c:pt>
                <c:pt idx="49">
                  <c:v>45.160830859374997</c:v>
                </c:pt>
                <c:pt idx="50">
                  <c:v>45.161801953125</c:v>
                </c:pt>
                <c:pt idx="51">
                  <c:v>45.162728906249995</c:v>
                </c:pt>
                <c:pt idx="52">
                  <c:v>45.163699999999999</c:v>
                </c:pt>
                <c:pt idx="53">
                  <c:v>45.164626953124994</c:v>
                </c:pt>
                <c:pt idx="54">
                  <c:v>45.165598046874997</c:v>
                </c:pt>
                <c:pt idx="55">
                  <c:v>45.166525</c:v>
                </c:pt>
                <c:pt idx="56">
                  <c:v>45.167451953124996</c:v>
                </c:pt>
                <c:pt idx="57">
                  <c:v>45.168423046874999</c:v>
                </c:pt>
                <c:pt idx="58">
                  <c:v>45.169349999999994</c:v>
                </c:pt>
                <c:pt idx="59">
                  <c:v>45.170321093749997</c:v>
                </c:pt>
                <c:pt idx="60">
                  <c:v>45.171248046875</c:v>
                </c:pt>
                <c:pt idx="61">
                  <c:v>45.172219140624996</c:v>
                </c:pt>
                <c:pt idx="62">
                  <c:v>45.173146093749999</c:v>
                </c:pt>
                <c:pt idx="63">
                  <c:v>45.174117187499995</c:v>
                </c:pt>
                <c:pt idx="64">
                  <c:v>45.175044140624998</c:v>
                </c:pt>
                <c:pt idx="65">
                  <c:v>45.176015234374994</c:v>
                </c:pt>
                <c:pt idx="66">
                  <c:v>45.176942187499996</c:v>
                </c:pt>
                <c:pt idx="67">
                  <c:v>45.177913281249999</c:v>
                </c:pt>
                <c:pt idx="68">
                  <c:v>45.178840234374995</c:v>
                </c:pt>
                <c:pt idx="69">
                  <c:v>45.179767187499998</c:v>
                </c:pt>
                <c:pt idx="70">
                  <c:v>45.180738281249994</c:v>
                </c:pt>
                <c:pt idx="71">
                  <c:v>45.181665234374996</c:v>
                </c:pt>
                <c:pt idx="72">
                  <c:v>45.182636328125</c:v>
                </c:pt>
                <c:pt idx="73">
                  <c:v>45.183563281249995</c:v>
                </c:pt>
                <c:pt idx="74">
                  <c:v>45.184534374999998</c:v>
                </c:pt>
                <c:pt idx="75">
                  <c:v>45.185461328124994</c:v>
                </c:pt>
                <c:pt idx="76">
                  <c:v>45.186432421874997</c:v>
                </c:pt>
                <c:pt idx="77">
                  <c:v>45.187359375</c:v>
                </c:pt>
                <c:pt idx="78">
                  <c:v>45.188330468749996</c:v>
                </c:pt>
                <c:pt idx="79">
                  <c:v>45.189257421874998</c:v>
                </c:pt>
                <c:pt idx="80">
                  <c:v>45.190228515624995</c:v>
                </c:pt>
                <c:pt idx="81">
                  <c:v>45.191155468749997</c:v>
                </c:pt>
                <c:pt idx="82">
                  <c:v>45.192126562499993</c:v>
                </c:pt>
                <c:pt idx="83">
                  <c:v>45.193053515624996</c:v>
                </c:pt>
                <c:pt idx="84">
                  <c:v>45.193980468749999</c:v>
                </c:pt>
                <c:pt idx="85">
                  <c:v>45.194951562499995</c:v>
                </c:pt>
                <c:pt idx="86">
                  <c:v>45.195878515624997</c:v>
                </c:pt>
                <c:pt idx="87">
                  <c:v>45.196849609374993</c:v>
                </c:pt>
                <c:pt idx="88">
                  <c:v>45.197776562499996</c:v>
                </c:pt>
                <c:pt idx="89">
                  <c:v>45.198747656249999</c:v>
                </c:pt>
                <c:pt idx="90">
                  <c:v>45.199674609374995</c:v>
                </c:pt>
                <c:pt idx="91">
                  <c:v>45.200645703124998</c:v>
                </c:pt>
                <c:pt idx="92">
                  <c:v>45.201572656249994</c:v>
                </c:pt>
                <c:pt idx="93">
                  <c:v>45.202543749999997</c:v>
                </c:pt>
                <c:pt idx="94">
                  <c:v>45.203470703124999</c:v>
                </c:pt>
                <c:pt idx="95">
                  <c:v>45.204441796874995</c:v>
                </c:pt>
                <c:pt idx="96">
                  <c:v>45.205368749999998</c:v>
                </c:pt>
                <c:pt idx="97">
                  <c:v>45.206295703124994</c:v>
                </c:pt>
                <c:pt idx="98">
                  <c:v>45.207266796874997</c:v>
                </c:pt>
                <c:pt idx="99">
                  <c:v>45.20819375</c:v>
                </c:pt>
                <c:pt idx="100">
                  <c:v>45.209164843749996</c:v>
                </c:pt>
                <c:pt idx="101">
                  <c:v>45.210091796874998</c:v>
                </c:pt>
                <c:pt idx="102">
                  <c:v>45.211062890624994</c:v>
                </c:pt>
                <c:pt idx="103">
                  <c:v>45.211989843749997</c:v>
                </c:pt>
                <c:pt idx="104">
                  <c:v>45.2129609375</c:v>
                </c:pt>
                <c:pt idx="105">
                  <c:v>45.213887890624996</c:v>
                </c:pt>
                <c:pt idx="106">
                  <c:v>45.214858984374999</c:v>
                </c:pt>
                <c:pt idx="107">
                  <c:v>45.215785937499994</c:v>
                </c:pt>
                <c:pt idx="108">
                  <c:v>45.216757031249998</c:v>
                </c:pt>
                <c:pt idx="109">
                  <c:v>45.217683984375</c:v>
                </c:pt>
                <c:pt idx="110">
                  <c:v>45.218655078124996</c:v>
                </c:pt>
                <c:pt idx="111">
                  <c:v>45.219582031249999</c:v>
                </c:pt>
                <c:pt idx="112">
                  <c:v>45.220508984374995</c:v>
                </c:pt>
                <c:pt idx="113">
                  <c:v>45.221480078124998</c:v>
                </c:pt>
                <c:pt idx="114">
                  <c:v>45.222407031249993</c:v>
                </c:pt>
                <c:pt idx="115">
                  <c:v>45.223378124999996</c:v>
                </c:pt>
                <c:pt idx="116">
                  <c:v>45.224305078124999</c:v>
                </c:pt>
                <c:pt idx="117">
                  <c:v>45.225276171874995</c:v>
                </c:pt>
                <c:pt idx="118">
                  <c:v>45.226203124999998</c:v>
                </c:pt>
                <c:pt idx="119">
                  <c:v>45.227174218749994</c:v>
                </c:pt>
                <c:pt idx="120">
                  <c:v>45.228101171874997</c:v>
                </c:pt>
                <c:pt idx="121">
                  <c:v>45.229072265625</c:v>
                </c:pt>
                <c:pt idx="122">
                  <c:v>45.229999218749995</c:v>
                </c:pt>
                <c:pt idx="123">
                  <c:v>45.230970312499998</c:v>
                </c:pt>
                <c:pt idx="124">
                  <c:v>45.231897265624994</c:v>
                </c:pt>
                <c:pt idx="125">
                  <c:v>45.232868359374997</c:v>
                </c:pt>
                <c:pt idx="126">
                  <c:v>45.2337953125</c:v>
                </c:pt>
                <c:pt idx="127">
                  <c:v>45.234722265624995</c:v>
                </c:pt>
                <c:pt idx="128">
                  <c:v>45.235693359374999</c:v>
                </c:pt>
                <c:pt idx="129">
                  <c:v>45.236620312499994</c:v>
                </c:pt>
                <c:pt idx="130">
                  <c:v>45.237591406249997</c:v>
                </c:pt>
                <c:pt idx="131">
                  <c:v>45.238518359375</c:v>
                </c:pt>
                <c:pt idx="132">
                  <c:v>45.239489453124996</c:v>
                </c:pt>
                <c:pt idx="133">
                  <c:v>45.240416406249999</c:v>
                </c:pt>
                <c:pt idx="134">
                  <c:v>45.241387499999995</c:v>
                </c:pt>
                <c:pt idx="135">
                  <c:v>45.242314453124997</c:v>
                </c:pt>
                <c:pt idx="136">
                  <c:v>45.243285546874993</c:v>
                </c:pt>
                <c:pt idx="137">
                  <c:v>45.244212499999996</c:v>
                </c:pt>
                <c:pt idx="138">
                  <c:v>45.245183593749999</c:v>
                </c:pt>
                <c:pt idx="139">
                  <c:v>45.246110546874995</c:v>
                </c:pt>
                <c:pt idx="140">
                  <c:v>45.247037499999998</c:v>
                </c:pt>
                <c:pt idx="141">
                  <c:v>45.248008593749994</c:v>
                </c:pt>
                <c:pt idx="142">
                  <c:v>45.248935546874996</c:v>
                </c:pt>
                <c:pt idx="143">
                  <c:v>45.249906640624999</c:v>
                </c:pt>
                <c:pt idx="144">
                  <c:v>45.250833593749995</c:v>
                </c:pt>
                <c:pt idx="145">
                  <c:v>45.251804687499998</c:v>
                </c:pt>
                <c:pt idx="146">
                  <c:v>45.252731640624994</c:v>
                </c:pt>
                <c:pt idx="147">
                  <c:v>45.253702734374997</c:v>
                </c:pt>
                <c:pt idx="148">
                  <c:v>45.2546296875</c:v>
                </c:pt>
                <c:pt idx="149">
                  <c:v>45.255600781249996</c:v>
                </c:pt>
                <c:pt idx="150">
                  <c:v>45.256527734374998</c:v>
                </c:pt>
                <c:pt idx="151">
                  <c:v>45.257498828124994</c:v>
                </c:pt>
                <c:pt idx="152">
                  <c:v>45.258425781249997</c:v>
                </c:pt>
                <c:pt idx="153">
                  <c:v>45.259396875</c:v>
                </c:pt>
                <c:pt idx="154">
                  <c:v>45.260323828124996</c:v>
                </c:pt>
                <c:pt idx="155">
                  <c:v>45.261250781249998</c:v>
                </c:pt>
                <c:pt idx="156">
                  <c:v>45.262221874999994</c:v>
                </c:pt>
                <c:pt idx="157">
                  <c:v>45.263148828124997</c:v>
                </c:pt>
                <c:pt idx="158">
                  <c:v>45.264119921875</c:v>
                </c:pt>
                <c:pt idx="159">
                  <c:v>45.265046874999996</c:v>
                </c:pt>
                <c:pt idx="160">
                  <c:v>45.266017968749999</c:v>
                </c:pt>
                <c:pt idx="161">
                  <c:v>45.266944921874995</c:v>
                </c:pt>
                <c:pt idx="162">
                  <c:v>45.267916015624998</c:v>
                </c:pt>
                <c:pt idx="163">
                  <c:v>45.268842968749993</c:v>
                </c:pt>
                <c:pt idx="164">
                  <c:v>45.269814062499997</c:v>
                </c:pt>
                <c:pt idx="165">
                  <c:v>45.270741015624999</c:v>
                </c:pt>
                <c:pt idx="166">
                  <c:v>45.271712109374995</c:v>
                </c:pt>
                <c:pt idx="167">
                  <c:v>45.272639062499998</c:v>
                </c:pt>
                <c:pt idx="168">
                  <c:v>45.273566015624993</c:v>
                </c:pt>
                <c:pt idx="169">
                  <c:v>45.274537109374997</c:v>
                </c:pt>
                <c:pt idx="170">
                  <c:v>45.275464062499999</c:v>
                </c:pt>
                <c:pt idx="171">
                  <c:v>45.276435156249995</c:v>
                </c:pt>
                <c:pt idx="172">
                  <c:v>45.277362109374998</c:v>
                </c:pt>
                <c:pt idx="173">
                  <c:v>45.278333203124994</c:v>
                </c:pt>
                <c:pt idx="174">
                  <c:v>45.279260156249997</c:v>
                </c:pt>
                <c:pt idx="175">
                  <c:v>45.28023125</c:v>
                </c:pt>
                <c:pt idx="176">
                  <c:v>45.281158203124996</c:v>
                </c:pt>
                <c:pt idx="177">
                  <c:v>45.282129296874999</c:v>
                </c:pt>
                <c:pt idx="178">
                  <c:v>45.283056249999994</c:v>
                </c:pt>
                <c:pt idx="179">
                  <c:v>45.284027343749997</c:v>
                </c:pt>
                <c:pt idx="180">
                  <c:v>45.284954296875</c:v>
                </c:pt>
                <c:pt idx="181">
                  <c:v>45.285925390624996</c:v>
                </c:pt>
                <c:pt idx="182">
                  <c:v>45.286852343749999</c:v>
                </c:pt>
                <c:pt idx="183">
                  <c:v>45.287779296874994</c:v>
                </c:pt>
                <c:pt idx="184">
                  <c:v>45.288750390624998</c:v>
                </c:pt>
                <c:pt idx="185">
                  <c:v>45.28967734375</c:v>
                </c:pt>
                <c:pt idx="186">
                  <c:v>45.290648437499996</c:v>
                </c:pt>
                <c:pt idx="187">
                  <c:v>45.291575390624999</c:v>
                </c:pt>
                <c:pt idx="188">
                  <c:v>45.292546484374995</c:v>
                </c:pt>
                <c:pt idx="189">
                  <c:v>45.293473437499998</c:v>
                </c:pt>
                <c:pt idx="190">
                  <c:v>45.294444531249994</c:v>
                </c:pt>
                <c:pt idx="191">
                  <c:v>45.295371484374996</c:v>
                </c:pt>
                <c:pt idx="192">
                  <c:v>45.296342578125</c:v>
                </c:pt>
                <c:pt idx="193">
                  <c:v>45.297269531249995</c:v>
                </c:pt>
                <c:pt idx="194">
                  <c:v>45.298240624999998</c:v>
                </c:pt>
                <c:pt idx="195">
                  <c:v>45.299167578124994</c:v>
                </c:pt>
                <c:pt idx="196">
                  <c:v>45.300138671874997</c:v>
                </c:pt>
                <c:pt idx="197">
                  <c:v>45.301065625</c:v>
                </c:pt>
                <c:pt idx="198">
                  <c:v>45.301992578124995</c:v>
                </c:pt>
                <c:pt idx="199">
                  <c:v>45.302963671874998</c:v>
                </c:pt>
                <c:pt idx="200">
                  <c:v>45.303890624999994</c:v>
                </c:pt>
                <c:pt idx="201">
                  <c:v>45.304861718749997</c:v>
                </c:pt>
                <c:pt idx="202">
                  <c:v>45.305788671875</c:v>
                </c:pt>
                <c:pt idx="203">
                  <c:v>45.306759765624996</c:v>
                </c:pt>
                <c:pt idx="204">
                  <c:v>45.307686718749999</c:v>
                </c:pt>
                <c:pt idx="205">
                  <c:v>45.308657812499995</c:v>
                </c:pt>
                <c:pt idx="206">
                  <c:v>45.309584765624997</c:v>
                </c:pt>
                <c:pt idx="207">
                  <c:v>45.310555859375</c:v>
                </c:pt>
                <c:pt idx="208">
                  <c:v>45.311482812499996</c:v>
                </c:pt>
                <c:pt idx="209">
                  <c:v>45.312453906249999</c:v>
                </c:pt>
                <c:pt idx="210">
                  <c:v>45.313380859374995</c:v>
                </c:pt>
                <c:pt idx="211">
                  <c:v>45.314307812499997</c:v>
                </c:pt>
                <c:pt idx="212">
                  <c:v>45.315278906249993</c:v>
                </c:pt>
                <c:pt idx="213">
                  <c:v>45.316205859374996</c:v>
                </c:pt>
                <c:pt idx="214">
                  <c:v>45.317176953124999</c:v>
                </c:pt>
                <c:pt idx="215">
                  <c:v>45.318103906249995</c:v>
                </c:pt>
                <c:pt idx="216">
                  <c:v>45.319074999999998</c:v>
                </c:pt>
                <c:pt idx="217">
                  <c:v>45.320001953124994</c:v>
                </c:pt>
                <c:pt idx="218">
                  <c:v>45.320973046874997</c:v>
                </c:pt>
                <c:pt idx="219">
                  <c:v>45.321899999999999</c:v>
                </c:pt>
                <c:pt idx="220">
                  <c:v>45.322871093749995</c:v>
                </c:pt>
                <c:pt idx="221">
                  <c:v>45.323798046874998</c:v>
                </c:pt>
                <c:pt idx="222">
                  <c:v>45.324769140624994</c:v>
                </c:pt>
                <c:pt idx="223">
                  <c:v>45.325696093749997</c:v>
                </c:pt>
                <c:pt idx="224">
                  <c:v>45.3266671875</c:v>
                </c:pt>
                <c:pt idx="225">
                  <c:v>45.327594140624996</c:v>
                </c:pt>
                <c:pt idx="226">
                  <c:v>45.328521093749998</c:v>
                </c:pt>
                <c:pt idx="227">
                  <c:v>45.329492187499994</c:v>
                </c:pt>
                <c:pt idx="228">
                  <c:v>45.330419140624997</c:v>
                </c:pt>
                <c:pt idx="229">
                  <c:v>45.331390234375</c:v>
                </c:pt>
                <c:pt idx="230">
                  <c:v>45.332317187499996</c:v>
                </c:pt>
                <c:pt idx="231">
                  <c:v>45.333288281249999</c:v>
                </c:pt>
                <c:pt idx="232">
                  <c:v>45.334215234374994</c:v>
                </c:pt>
                <c:pt idx="233">
                  <c:v>45.335186328124998</c:v>
                </c:pt>
                <c:pt idx="234">
                  <c:v>45.33611328125</c:v>
                </c:pt>
                <c:pt idx="235">
                  <c:v>45.337084374999996</c:v>
                </c:pt>
                <c:pt idx="236">
                  <c:v>45.338011328124999</c:v>
                </c:pt>
                <c:pt idx="237">
                  <c:v>45.338982421874995</c:v>
                </c:pt>
                <c:pt idx="238">
                  <c:v>45.339909374999998</c:v>
                </c:pt>
                <c:pt idx="239">
                  <c:v>45.340836328125</c:v>
                </c:pt>
                <c:pt idx="240">
                  <c:v>45.341807421874996</c:v>
                </c:pt>
                <c:pt idx="241">
                  <c:v>45.342734374999999</c:v>
                </c:pt>
                <c:pt idx="242">
                  <c:v>45.343705468749995</c:v>
                </c:pt>
                <c:pt idx="243">
                  <c:v>45.344632421874998</c:v>
                </c:pt>
                <c:pt idx="244">
                  <c:v>45.345603515624994</c:v>
                </c:pt>
                <c:pt idx="245">
                  <c:v>45.346530468749997</c:v>
                </c:pt>
                <c:pt idx="246">
                  <c:v>45.3475015625</c:v>
                </c:pt>
                <c:pt idx="247">
                  <c:v>45.348428515624995</c:v>
                </c:pt>
                <c:pt idx="248">
                  <c:v>45.349399609374998</c:v>
                </c:pt>
                <c:pt idx="249">
                  <c:v>45.350326562499994</c:v>
                </c:pt>
                <c:pt idx="250">
                  <c:v>45.351297656249997</c:v>
                </c:pt>
                <c:pt idx="251">
                  <c:v>45.352224609375</c:v>
                </c:pt>
                <c:pt idx="252">
                  <c:v>45.353195703124996</c:v>
                </c:pt>
                <c:pt idx="253">
                  <c:v>45.354122656249999</c:v>
                </c:pt>
                <c:pt idx="254">
                  <c:v>45.355049609374994</c:v>
                </c:pt>
                <c:pt idx="255">
                  <c:v>45.356020703124997</c:v>
                </c:pt>
                <c:pt idx="256">
                  <c:v>45.35694765625</c:v>
                </c:pt>
                <c:pt idx="257">
                  <c:v>45.357918749999996</c:v>
                </c:pt>
                <c:pt idx="258">
                  <c:v>45.358845703124999</c:v>
                </c:pt>
                <c:pt idx="259">
                  <c:v>45.359816796874995</c:v>
                </c:pt>
                <c:pt idx="260">
                  <c:v>45.360743749999997</c:v>
                </c:pt>
                <c:pt idx="261">
                  <c:v>45.361714843749994</c:v>
                </c:pt>
                <c:pt idx="262">
                  <c:v>45.362641796874996</c:v>
                </c:pt>
                <c:pt idx="263">
                  <c:v>45.363612890624999</c:v>
                </c:pt>
                <c:pt idx="264">
                  <c:v>45.364539843749995</c:v>
                </c:pt>
                <c:pt idx="265">
                  <c:v>45.365510937499998</c:v>
                </c:pt>
                <c:pt idx="266">
                  <c:v>45.366437890624994</c:v>
                </c:pt>
                <c:pt idx="267">
                  <c:v>45.367408984374997</c:v>
                </c:pt>
                <c:pt idx="268">
                  <c:v>45.368335937499999</c:v>
                </c:pt>
                <c:pt idx="269">
                  <c:v>45.369262890624995</c:v>
                </c:pt>
                <c:pt idx="270">
                  <c:v>45.370233984374998</c:v>
                </c:pt>
                <c:pt idx="271">
                  <c:v>45.371160937499994</c:v>
                </c:pt>
                <c:pt idx="272">
                  <c:v>45.372132031249997</c:v>
                </c:pt>
                <c:pt idx="273">
                  <c:v>45.373058984375</c:v>
                </c:pt>
                <c:pt idx="274">
                  <c:v>45.374030078124996</c:v>
                </c:pt>
                <c:pt idx="275">
                  <c:v>45.374957031249998</c:v>
                </c:pt>
                <c:pt idx="276">
                  <c:v>45.375928124999994</c:v>
                </c:pt>
                <c:pt idx="277">
                  <c:v>45.376855078124997</c:v>
                </c:pt>
                <c:pt idx="278">
                  <c:v>45.377826171875</c:v>
                </c:pt>
                <c:pt idx="279">
                  <c:v>45.378753124999996</c:v>
                </c:pt>
                <c:pt idx="280">
                  <c:v>45.379724218749999</c:v>
                </c:pt>
                <c:pt idx="281">
                  <c:v>45.380651171874995</c:v>
                </c:pt>
                <c:pt idx="282">
                  <c:v>45.381578124999997</c:v>
                </c:pt>
                <c:pt idx="283">
                  <c:v>45.38254921875</c:v>
                </c:pt>
                <c:pt idx="284">
                  <c:v>45.383476171874996</c:v>
                </c:pt>
                <c:pt idx="285">
                  <c:v>45.384447265624999</c:v>
                </c:pt>
                <c:pt idx="286">
                  <c:v>45.385374218749995</c:v>
                </c:pt>
                <c:pt idx="287">
                  <c:v>45.386345312499998</c:v>
                </c:pt>
                <c:pt idx="288">
                  <c:v>45.387272265625001</c:v>
                </c:pt>
                <c:pt idx="289">
                  <c:v>45.388243359374997</c:v>
                </c:pt>
                <c:pt idx="290">
                  <c:v>45.389170312499999</c:v>
                </c:pt>
                <c:pt idx="291">
                  <c:v>45.390141406249995</c:v>
                </c:pt>
                <c:pt idx="292">
                  <c:v>45.391068359374998</c:v>
                </c:pt>
                <c:pt idx="293">
                  <c:v>45.392039453124994</c:v>
                </c:pt>
                <c:pt idx="294">
                  <c:v>45.392966406249997</c:v>
                </c:pt>
                <c:pt idx="295">
                  <c:v>45.3939375</c:v>
                </c:pt>
                <c:pt idx="296">
                  <c:v>45.394864453124995</c:v>
                </c:pt>
                <c:pt idx="297">
                  <c:v>45.395791406249998</c:v>
                </c:pt>
                <c:pt idx="298">
                  <c:v>45.396762499999994</c:v>
                </c:pt>
                <c:pt idx="299">
                  <c:v>45.397689453124997</c:v>
                </c:pt>
                <c:pt idx="300">
                  <c:v>45.398660546875</c:v>
                </c:pt>
                <c:pt idx="301">
                  <c:v>45.399587499999996</c:v>
                </c:pt>
                <c:pt idx="302">
                  <c:v>45.400558593749999</c:v>
                </c:pt>
                <c:pt idx="303">
                  <c:v>45.401485546874994</c:v>
                </c:pt>
                <c:pt idx="304">
                  <c:v>45.402456640624997</c:v>
                </c:pt>
                <c:pt idx="305">
                  <c:v>45.40338359375</c:v>
                </c:pt>
                <c:pt idx="306">
                  <c:v>45.404354687499996</c:v>
                </c:pt>
                <c:pt idx="307">
                  <c:v>45.405281640624999</c:v>
                </c:pt>
                <c:pt idx="308">
                  <c:v>45.406252734374995</c:v>
                </c:pt>
                <c:pt idx="309">
                  <c:v>45.407179687499998</c:v>
                </c:pt>
                <c:pt idx="310">
                  <c:v>45.408106640625</c:v>
                </c:pt>
                <c:pt idx="311">
                  <c:v>45.409077734374996</c:v>
                </c:pt>
                <c:pt idx="312">
                  <c:v>45.410004687499999</c:v>
                </c:pt>
                <c:pt idx="313">
                  <c:v>45.410975781249995</c:v>
                </c:pt>
                <c:pt idx="314">
                  <c:v>45.411902734374998</c:v>
                </c:pt>
                <c:pt idx="315">
                  <c:v>45.412873828124994</c:v>
                </c:pt>
                <c:pt idx="316">
                  <c:v>45.413800781249996</c:v>
                </c:pt>
                <c:pt idx="317">
                  <c:v>45.414771875</c:v>
                </c:pt>
                <c:pt idx="318">
                  <c:v>45.415698828124995</c:v>
                </c:pt>
                <c:pt idx="319">
                  <c:v>45.416669921874998</c:v>
                </c:pt>
                <c:pt idx="320">
                  <c:v>45.417596874999994</c:v>
                </c:pt>
                <c:pt idx="321">
                  <c:v>45.418567968749997</c:v>
                </c:pt>
                <c:pt idx="322">
                  <c:v>45.419494921875</c:v>
                </c:pt>
                <c:pt idx="323">
                  <c:v>45.420466015624996</c:v>
                </c:pt>
                <c:pt idx="324">
                  <c:v>45.421392968749998</c:v>
                </c:pt>
                <c:pt idx="325">
                  <c:v>45.422319921874994</c:v>
                </c:pt>
                <c:pt idx="326">
                  <c:v>45.423291015624997</c:v>
                </c:pt>
                <c:pt idx="327">
                  <c:v>45.42421796875</c:v>
                </c:pt>
                <c:pt idx="328">
                  <c:v>45.425189062499996</c:v>
                </c:pt>
                <c:pt idx="329">
                  <c:v>45.426116015624999</c:v>
                </c:pt>
                <c:pt idx="330">
                  <c:v>45.427087109374995</c:v>
                </c:pt>
                <c:pt idx="331">
                  <c:v>45.428014062499997</c:v>
                </c:pt>
                <c:pt idx="332">
                  <c:v>45.42898515625</c:v>
                </c:pt>
                <c:pt idx="333">
                  <c:v>45.429912109374996</c:v>
                </c:pt>
                <c:pt idx="334">
                  <c:v>45.430883203124999</c:v>
                </c:pt>
                <c:pt idx="335">
                  <c:v>45.431810156249995</c:v>
                </c:pt>
                <c:pt idx="336">
                  <c:v>45.432781249999998</c:v>
                </c:pt>
                <c:pt idx="337">
                  <c:v>45.433708203124993</c:v>
                </c:pt>
                <c:pt idx="338">
                  <c:v>45.434679296874997</c:v>
                </c:pt>
                <c:pt idx="339">
                  <c:v>45.435606249999999</c:v>
                </c:pt>
                <c:pt idx="340">
                  <c:v>45.436533203124995</c:v>
                </c:pt>
                <c:pt idx="341">
                  <c:v>45.437504296874998</c:v>
                </c:pt>
                <c:pt idx="342">
                  <c:v>45.438431249999994</c:v>
                </c:pt>
                <c:pt idx="343">
                  <c:v>45.439402343749997</c:v>
                </c:pt>
                <c:pt idx="344">
                  <c:v>45.440329296874999</c:v>
                </c:pt>
                <c:pt idx="345">
                  <c:v>45.441300390624995</c:v>
                </c:pt>
                <c:pt idx="346">
                  <c:v>45.442227343749998</c:v>
                </c:pt>
                <c:pt idx="347">
                  <c:v>45.443198437499994</c:v>
                </c:pt>
                <c:pt idx="348">
                  <c:v>45.444125390624997</c:v>
                </c:pt>
                <c:pt idx="349">
                  <c:v>45.445096484375</c:v>
                </c:pt>
                <c:pt idx="350">
                  <c:v>45.446023437499996</c:v>
                </c:pt>
                <c:pt idx="351">
                  <c:v>45.446994531249999</c:v>
                </c:pt>
                <c:pt idx="352">
                  <c:v>45.447921484374994</c:v>
                </c:pt>
                <c:pt idx="353">
                  <c:v>45.448848437499997</c:v>
                </c:pt>
                <c:pt idx="354">
                  <c:v>45.44981953125</c:v>
                </c:pt>
                <c:pt idx="355">
                  <c:v>45.450746484374996</c:v>
                </c:pt>
                <c:pt idx="356">
                  <c:v>45.451717578124999</c:v>
                </c:pt>
                <c:pt idx="357">
                  <c:v>45.452644531249994</c:v>
                </c:pt>
                <c:pt idx="358">
                  <c:v>45.453615624999998</c:v>
                </c:pt>
                <c:pt idx="359">
                  <c:v>45.454542578125</c:v>
                </c:pt>
                <c:pt idx="360">
                  <c:v>45.455513671874996</c:v>
                </c:pt>
                <c:pt idx="361">
                  <c:v>45.456440624999999</c:v>
                </c:pt>
                <c:pt idx="362">
                  <c:v>45.457411718749995</c:v>
                </c:pt>
                <c:pt idx="363">
                  <c:v>45.458338671874998</c:v>
                </c:pt>
                <c:pt idx="364">
                  <c:v>45.459309765624994</c:v>
                </c:pt>
                <c:pt idx="365">
                  <c:v>45.460236718749996</c:v>
                </c:pt>
                <c:pt idx="366">
                  <c:v>45.4612078125</c:v>
                </c:pt>
                <c:pt idx="367">
                  <c:v>45.462134765624995</c:v>
                </c:pt>
                <c:pt idx="368">
                  <c:v>45.463061718749998</c:v>
                </c:pt>
                <c:pt idx="369">
                  <c:v>45.464032812499994</c:v>
                </c:pt>
                <c:pt idx="370">
                  <c:v>45.464959765624997</c:v>
                </c:pt>
                <c:pt idx="371">
                  <c:v>45.465930859375</c:v>
                </c:pt>
                <c:pt idx="372">
                  <c:v>45.466857812499995</c:v>
                </c:pt>
                <c:pt idx="373">
                  <c:v>45.467828906249999</c:v>
                </c:pt>
                <c:pt idx="374">
                  <c:v>45.468755859374994</c:v>
                </c:pt>
                <c:pt idx="375">
                  <c:v>45.469726953124997</c:v>
                </c:pt>
                <c:pt idx="376">
                  <c:v>45.47065390625</c:v>
                </c:pt>
                <c:pt idx="377">
                  <c:v>45.471624999999996</c:v>
                </c:pt>
                <c:pt idx="378">
                  <c:v>45.472551953124999</c:v>
                </c:pt>
                <c:pt idx="379">
                  <c:v>45.473523046874995</c:v>
                </c:pt>
                <c:pt idx="380">
                  <c:v>45.474449999999997</c:v>
                </c:pt>
                <c:pt idx="381">
                  <c:v>45.475376953125</c:v>
                </c:pt>
                <c:pt idx="382">
                  <c:v>45.476348046874996</c:v>
                </c:pt>
                <c:pt idx="383">
                  <c:v>45.477274999999999</c:v>
                </c:pt>
                <c:pt idx="384">
                  <c:v>45.478246093749995</c:v>
                </c:pt>
                <c:pt idx="385">
                  <c:v>45.479173046874998</c:v>
                </c:pt>
                <c:pt idx="386">
                  <c:v>45.480144140624994</c:v>
                </c:pt>
                <c:pt idx="387">
                  <c:v>45.481071093749996</c:v>
                </c:pt>
                <c:pt idx="388">
                  <c:v>45.482042187499999</c:v>
                </c:pt>
                <c:pt idx="389">
                  <c:v>45.482969140624995</c:v>
                </c:pt>
                <c:pt idx="390">
                  <c:v>45.483940234374998</c:v>
                </c:pt>
                <c:pt idx="391">
                  <c:v>45.484867187499994</c:v>
                </c:pt>
                <c:pt idx="392">
                  <c:v>45.485838281249997</c:v>
                </c:pt>
                <c:pt idx="393">
                  <c:v>45.486765234375</c:v>
                </c:pt>
                <c:pt idx="394">
                  <c:v>45.487736328124996</c:v>
                </c:pt>
                <c:pt idx="395">
                  <c:v>45.488663281249998</c:v>
                </c:pt>
                <c:pt idx="396">
                  <c:v>45.489590234374994</c:v>
                </c:pt>
                <c:pt idx="397">
                  <c:v>45.490561328124997</c:v>
                </c:pt>
                <c:pt idx="398">
                  <c:v>45.49148828125</c:v>
                </c:pt>
                <c:pt idx="399">
                  <c:v>45.492459374999996</c:v>
                </c:pt>
                <c:pt idx="400">
                  <c:v>45.493386328124998</c:v>
                </c:pt>
                <c:pt idx="401">
                  <c:v>45.494357421874994</c:v>
                </c:pt>
                <c:pt idx="402">
                  <c:v>45.495284374999997</c:v>
                </c:pt>
                <c:pt idx="403">
                  <c:v>45.49625546875</c:v>
                </c:pt>
                <c:pt idx="404">
                  <c:v>45.497182421874996</c:v>
                </c:pt>
                <c:pt idx="405">
                  <c:v>45.498153515624999</c:v>
                </c:pt>
                <c:pt idx="406">
                  <c:v>45.499080468749995</c:v>
                </c:pt>
                <c:pt idx="407">
                  <c:v>45.500051562499998</c:v>
                </c:pt>
                <c:pt idx="408">
                  <c:v>45.500978515625</c:v>
                </c:pt>
                <c:pt idx="409">
                  <c:v>45.501949609374996</c:v>
                </c:pt>
                <c:pt idx="410">
                  <c:v>45.502876562499999</c:v>
                </c:pt>
                <c:pt idx="411">
                  <c:v>45.503803515624995</c:v>
                </c:pt>
                <c:pt idx="412">
                  <c:v>45.504774609374998</c:v>
                </c:pt>
                <c:pt idx="413">
                  <c:v>45.505701562500001</c:v>
                </c:pt>
                <c:pt idx="414">
                  <c:v>45.506672656249997</c:v>
                </c:pt>
                <c:pt idx="415">
                  <c:v>45.507599609374999</c:v>
                </c:pt>
                <c:pt idx="416">
                  <c:v>45.508570703124995</c:v>
                </c:pt>
                <c:pt idx="417">
                  <c:v>45.509497656249998</c:v>
                </c:pt>
                <c:pt idx="418">
                  <c:v>45.510468749999994</c:v>
                </c:pt>
                <c:pt idx="419">
                  <c:v>45.511395703124997</c:v>
                </c:pt>
                <c:pt idx="420">
                  <c:v>45.512366796875</c:v>
                </c:pt>
                <c:pt idx="421">
                  <c:v>45.513293749999995</c:v>
                </c:pt>
                <c:pt idx="422">
                  <c:v>45.514264843749999</c:v>
                </c:pt>
                <c:pt idx="423">
                  <c:v>45.515191796874994</c:v>
                </c:pt>
                <c:pt idx="424">
                  <c:v>45.516118749999997</c:v>
                </c:pt>
                <c:pt idx="425">
                  <c:v>45.51708984375</c:v>
                </c:pt>
                <c:pt idx="426">
                  <c:v>45.518016796874996</c:v>
                </c:pt>
                <c:pt idx="427">
                  <c:v>45.518987890624999</c:v>
                </c:pt>
                <c:pt idx="428">
                  <c:v>45.519914843749994</c:v>
                </c:pt>
                <c:pt idx="429">
                  <c:v>45.520885937499997</c:v>
                </c:pt>
                <c:pt idx="430">
                  <c:v>45.521812890625</c:v>
                </c:pt>
                <c:pt idx="431">
                  <c:v>45.522783984374996</c:v>
                </c:pt>
                <c:pt idx="432">
                  <c:v>45.523710937499999</c:v>
                </c:pt>
                <c:pt idx="433">
                  <c:v>45.524682031249995</c:v>
                </c:pt>
                <c:pt idx="434">
                  <c:v>45.525608984374998</c:v>
                </c:pt>
                <c:pt idx="435">
                  <c:v>45.526580078124994</c:v>
                </c:pt>
                <c:pt idx="436">
                  <c:v>45.527507031249996</c:v>
                </c:pt>
                <c:pt idx="437">
                  <c:v>45.528478124999999</c:v>
                </c:pt>
                <c:pt idx="438">
                  <c:v>45.529405078124995</c:v>
                </c:pt>
                <c:pt idx="439">
                  <c:v>45.530332031249998</c:v>
                </c:pt>
                <c:pt idx="440">
                  <c:v>45.531303124999994</c:v>
                </c:pt>
                <c:pt idx="441">
                  <c:v>45.532230078124996</c:v>
                </c:pt>
                <c:pt idx="442">
                  <c:v>45.533201171875</c:v>
                </c:pt>
                <c:pt idx="443">
                  <c:v>45.534128124999995</c:v>
                </c:pt>
                <c:pt idx="444">
                  <c:v>45.535099218749998</c:v>
                </c:pt>
                <c:pt idx="445">
                  <c:v>45.536026171874994</c:v>
                </c:pt>
                <c:pt idx="446">
                  <c:v>45.536997265624997</c:v>
                </c:pt>
                <c:pt idx="447">
                  <c:v>45.53792421875</c:v>
                </c:pt>
                <c:pt idx="448">
                  <c:v>45.538895312499996</c:v>
                </c:pt>
                <c:pt idx="449">
                  <c:v>45.539822265624998</c:v>
                </c:pt>
                <c:pt idx="450">
                  <c:v>45.540793359374995</c:v>
                </c:pt>
                <c:pt idx="451">
                  <c:v>45.541720312499997</c:v>
                </c:pt>
                <c:pt idx="452">
                  <c:v>45.542647265625</c:v>
                </c:pt>
                <c:pt idx="453">
                  <c:v>45.543618359374996</c:v>
                </c:pt>
                <c:pt idx="454">
                  <c:v>45.544545312499999</c:v>
                </c:pt>
                <c:pt idx="455">
                  <c:v>45.545516406249995</c:v>
                </c:pt>
                <c:pt idx="456">
                  <c:v>45.546443359374997</c:v>
                </c:pt>
                <c:pt idx="457">
                  <c:v>45.547414453125</c:v>
                </c:pt>
                <c:pt idx="458">
                  <c:v>45.548341406249996</c:v>
                </c:pt>
                <c:pt idx="459">
                  <c:v>45.549312499999999</c:v>
                </c:pt>
                <c:pt idx="460">
                  <c:v>45.550239453124995</c:v>
                </c:pt>
                <c:pt idx="461">
                  <c:v>45.551210546874998</c:v>
                </c:pt>
                <c:pt idx="462">
                  <c:v>45.552137500000001</c:v>
                </c:pt>
                <c:pt idx="463">
                  <c:v>45.553108593749997</c:v>
                </c:pt>
                <c:pt idx="464">
                  <c:v>45.554035546874999</c:v>
                </c:pt>
                <c:pt idx="465">
                  <c:v>45.555006640624995</c:v>
                </c:pt>
                <c:pt idx="466">
                  <c:v>45.555933593749998</c:v>
                </c:pt>
                <c:pt idx="467">
                  <c:v>45.556860546874994</c:v>
                </c:pt>
                <c:pt idx="468">
                  <c:v>45.557831640624997</c:v>
                </c:pt>
                <c:pt idx="469">
                  <c:v>45.558758593749999</c:v>
                </c:pt>
                <c:pt idx="470">
                  <c:v>45.559729687499996</c:v>
                </c:pt>
                <c:pt idx="471">
                  <c:v>45.560656640624998</c:v>
                </c:pt>
                <c:pt idx="472">
                  <c:v>45.561627734374994</c:v>
                </c:pt>
                <c:pt idx="473">
                  <c:v>45.562554687499997</c:v>
                </c:pt>
                <c:pt idx="474">
                  <c:v>45.56352578125</c:v>
                </c:pt>
                <c:pt idx="475">
                  <c:v>45.564452734374996</c:v>
                </c:pt>
                <c:pt idx="476">
                  <c:v>45.565423828124999</c:v>
                </c:pt>
                <c:pt idx="477">
                  <c:v>45.566350781249994</c:v>
                </c:pt>
                <c:pt idx="478">
                  <c:v>45.567321874999998</c:v>
                </c:pt>
                <c:pt idx="479">
                  <c:v>45.568248828125</c:v>
                </c:pt>
                <c:pt idx="480">
                  <c:v>45.569219921874996</c:v>
                </c:pt>
                <c:pt idx="481">
                  <c:v>45.570146874999999</c:v>
                </c:pt>
                <c:pt idx="482">
                  <c:v>45.571073828124995</c:v>
                </c:pt>
                <c:pt idx="483">
                  <c:v>45.572044921874998</c:v>
                </c:pt>
                <c:pt idx="484">
                  <c:v>45.572971875</c:v>
                </c:pt>
                <c:pt idx="485">
                  <c:v>45.573942968749996</c:v>
                </c:pt>
                <c:pt idx="486">
                  <c:v>45.574869921874999</c:v>
                </c:pt>
                <c:pt idx="487">
                  <c:v>45.575841015624995</c:v>
                </c:pt>
                <c:pt idx="488">
                  <c:v>45.576767968749998</c:v>
                </c:pt>
                <c:pt idx="489">
                  <c:v>45.577739062499994</c:v>
                </c:pt>
                <c:pt idx="490">
                  <c:v>45.578666015624997</c:v>
                </c:pt>
                <c:pt idx="491">
                  <c:v>45.579637109375</c:v>
                </c:pt>
                <c:pt idx="492">
                  <c:v>45.580564062499995</c:v>
                </c:pt>
                <c:pt idx="493">
                  <c:v>45.581535156249998</c:v>
                </c:pt>
                <c:pt idx="494">
                  <c:v>45.582462109374994</c:v>
                </c:pt>
                <c:pt idx="495">
                  <c:v>45.583389062499997</c:v>
                </c:pt>
                <c:pt idx="496">
                  <c:v>45.58436015625</c:v>
                </c:pt>
                <c:pt idx="497">
                  <c:v>45.585287109374995</c:v>
                </c:pt>
                <c:pt idx="498">
                  <c:v>45.586258203124999</c:v>
                </c:pt>
                <c:pt idx="499">
                  <c:v>45.587185156249994</c:v>
                </c:pt>
                <c:pt idx="500">
                  <c:v>45.588156249999997</c:v>
                </c:pt>
                <c:pt idx="501">
                  <c:v>45.589083203125</c:v>
                </c:pt>
                <c:pt idx="502">
                  <c:v>45.590054296874996</c:v>
                </c:pt>
                <c:pt idx="503">
                  <c:v>45.590981249999999</c:v>
                </c:pt>
                <c:pt idx="504">
                  <c:v>45.591952343749995</c:v>
                </c:pt>
                <c:pt idx="505">
                  <c:v>45.592879296874997</c:v>
                </c:pt>
                <c:pt idx="506">
                  <c:v>45.593850390625001</c:v>
                </c:pt>
                <c:pt idx="507">
                  <c:v>45.594777343749996</c:v>
                </c:pt>
                <c:pt idx="508">
                  <c:v>45.595748437499999</c:v>
                </c:pt>
                <c:pt idx="509">
                  <c:v>45.596675390624995</c:v>
                </c:pt>
                <c:pt idx="510">
                  <c:v>45.597602343749998</c:v>
                </c:pt>
                <c:pt idx="511">
                  <c:v>45.598573437500001</c:v>
                </c:pt>
                <c:pt idx="512">
                  <c:v>45.599500390624996</c:v>
                </c:pt>
                <c:pt idx="513">
                  <c:v>45.600471484374999</c:v>
                </c:pt>
                <c:pt idx="514">
                  <c:v>45.601398437499995</c:v>
                </c:pt>
                <c:pt idx="515">
                  <c:v>45.602369531249998</c:v>
                </c:pt>
                <c:pt idx="516">
                  <c:v>45.603296484374994</c:v>
                </c:pt>
                <c:pt idx="517">
                  <c:v>45.604267578124997</c:v>
                </c:pt>
                <c:pt idx="518">
                  <c:v>45.60519453125</c:v>
                </c:pt>
                <c:pt idx="519">
                  <c:v>45.606165624999996</c:v>
                </c:pt>
                <c:pt idx="520">
                  <c:v>45.607092578124998</c:v>
                </c:pt>
                <c:pt idx="521">
                  <c:v>45.608063671874994</c:v>
                </c:pt>
                <c:pt idx="522">
                  <c:v>45.608990624999997</c:v>
                </c:pt>
                <c:pt idx="523">
                  <c:v>45.609917578125</c:v>
                </c:pt>
                <c:pt idx="524">
                  <c:v>45.610888671874996</c:v>
                </c:pt>
                <c:pt idx="525">
                  <c:v>45.611815624999998</c:v>
                </c:pt>
                <c:pt idx="526">
                  <c:v>45.612786718749994</c:v>
                </c:pt>
                <c:pt idx="527">
                  <c:v>45.613713671874997</c:v>
                </c:pt>
                <c:pt idx="528">
                  <c:v>45.614684765625</c:v>
                </c:pt>
                <c:pt idx="529">
                  <c:v>45.615611718749996</c:v>
                </c:pt>
                <c:pt idx="530">
                  <c:v>45.616582812499999</c:v>
                </c:pt>
                <c:pt idx="531">
                  <c:v>45.617509765624995</c:v>
                </c:pt>
                <c:pt idx="532">
                  <c:v>45.618480859374998</c:v>
                </c:pt>
                <c:pt idx="533">
                  <c:v>45.6194078125</c:v>
                </c:pt>
                <c:pt idx="534">
                  <c:v>45.620378906249996</c:v>
                </c:pt>
                <c:pt idx="535">
                  <c:v>45.621305859374999</c:v>
                </c:pt>
                <c:pt idx="536">
                  <c:v>45.622276953124995</c:v>
                </c:pt>
                <c:pt idx="537">
                  <c:v>45.623203906249998</c:v>
                </c:pt>
                <c:pt idx="538">
                  <c:v>45.624130859375001</c:v>
                </c:pt>
                <c:pt idx="539">
                  <c:v>45.625101953124997</c:v>
                </c:pt>
                <c:pt idx="540">
                  <c:v>45.626028906249999</c:v>
                </c:pt>
                <c:pt idx="541">
                  <c:v>45.626999999999995</c:v>
                </c:pt>
                <c:pt idx="542">
                  <c:v>45.627926953124998</c:v>
                </c:pt>
                <c:pt idx="543">
                  <c:v>45.628898046874994</c:v>
                </c:pt>
                <c:pt idx="544">
                  <c:v>45.629824999999997</c:v>
                </c:pt>
                <c:pt idx="545">
                  <c:v>45.63079609375</c:v>
                </c:pt>
                <c:pt idx="546">
                  <c:v>45.631723046874995</c:v>
                </c:pt>
                <c:pt idx="547">
                  <c:v>45.632694140624999</c:v>
                </c:pt>
                <c:pt idx="548">
                  <c:v>45.633621093749994</c:v>
                </c:pt>
                <c:pt idx="549">
                  <c:v>45.634592187499997</c:v>
                </c:pt>
                <c:pt idx="550">
                  <c:v>45.635519140625</c:v>
                </c:pt>
                <c:pt idx="551">
                  <c:v>45.636490234374996</c:v>
                </c:pt>
                <c:pt idx="552">
                  <c:v>45.637417187499999</c:v>
                </c:pt>
                <c:pt idx="553">
                  <c:v>45.638344140624994</c:v>
                </c:pt>
                <c:pt idx="554">
                  <c:v>45.639315234374997</c:v>
                </c:pt>
                <c:pt idx="555">
                  <c:v>45.6402421875</c:v>
                </c:pt>
                <c:pt idx="556">
                  <c:v>45.641213281249996</c:v>
                </c:pt>
                <c:pt idx="557">
                  <c:v>45.642140234374999</c:v>
                </c:pt>
                <c:pt idx="558">
                  <c:v>45.643111328124995</c:v>
                </c:pt>
                <c:pt idx="559">
                  <c:v>45.644038281249998</c:v>
                </c:pt>
                <c:pt idx="560">
                  <c:v>45.645009375000001</c:v>
                </c:pt>
                <c:pt idx="561">
                  <c:v>45.645936328124996</c:v>
                </c:pt>
                <c:pt idx="562">
                  <c:v>45.646907421874999</c:v>
                </c:pt>
                <c:pt idx="563">
                  <c:v>45.647834374999995</c:v>
                </c:pt>
                <c:pt idx="564">
                  <c:v>45.648805468749998</c:v>
                </c:pt>
                <c:pt idx="565">
                  <c:v>45.649732421874994</c:v>
                </c:pt>
                <c:pt idx="566">
                  <c:v>45.650659374999996</c:v>
                </c:pt>
                <c:pt idx="567">
                  <c:v>45.65163046875</c:v>
                </c:pt>
                <c:pt idx="568">
                  <c:v>45.652557421874995</c:v>
                </c:pt>
                <c:pt idx="569">
                  <c:v>45.653528515624998</c:v>
                </c:pt>
                <c:pt idx="570">
                  <c:v>45.654455468749994</c:v>
                </c:pt>
                <c:pt idx="571">
                  <c:v>45.655426562499997</c:v>
                </c:pt>
                <c:pt idx="572">
                  <c:v>45.656353515625</c:v>
                </c:pt>
                <c:pt idx="573">
                  <c:v>45.657324609374996</c:v>
                </c:pt>
                <c:pt idx="574">
                  <c:v>45.658251562499998</c:v>
                </c:pt>
                <c:pt idx="575">
                  <c:v>45.659222656249995</c:v>
                </c:pt>
                <c:pt idx="576">
                  <c:v>45.660149609374997</c:v>
                </c:pt>
                <c:pt idx="577">
                  <c:v>45.661120703125</c:v>
                </c:pt>
                <c:pt idx="578">
                  <c:v>45.662047656249996</c:v>
                </c:pt>
                <c:pt idx="579">
                  <c:v>45.663018749999999</c:v>
                </c:pt>
                <c:pt idx="580">
                  <c:v>45.663945703124995</c:v>
                </c:pt>
                <c:pt idx="581">
                  <c:v>45.664872656249997</c:v>
                </c:pt>
                <c:pt idx="582">
                  <c:v>45.665843750000001</c:v>
                </c:pt>
                <c:pt idx="583">
                  <c:v>45.666770703124996</c:v>
                </c:pt>
                <c:pt idx="584">
                  <c:v>45.667741796874999</c:v>
                </c:pt>
                <c:pt idx="585">
                  <c:v>45.668668749999995</c:v>
                </c:pt>
                <c:pt idx="586">
                  <c:v>45.669639843749998</c:v>
                </c:pt>
                <c:pt idx="587">
                  <c:v>45.670566796875001</c:v>
                </c:pt>
                <c:pt idx="588">
                  <c:v>45.671537890624997</c:v>
                </c:pt>
                <c:pt idx="589">
                  <c:v>45.672464843749999</c:v>
                </c:pt>
                <c:pt idx="590">
                  <c:v>45.673435937499995</c:v>
                </c:pt>
                <c:pt idx="591">
                  <c:v>45.674362890624998</c:v>
                </c:pt>
                <c:pt idx="592">
                  <c:v>45.675333984374994</c:v>
                </c:pt>
                <c:pt idx="593">
                  <c:v>45.676260937499997</c:v>
                </c:pt>
                <c:pt idx="594">
                  <c:v>45.677187890625</c:v>
                </c:pt>
                <c:pt idx="595">
                  <c:v>45.678158984374996</c:v>
                </c:pt>
                <c:pt idx="596">
                  <c:v>45.679085937499998</c:v>
                </c:pt>
                <c:pt idx="597">
                  <c:v>45.680057031249994</c:v>
                </c:pt>
                <c:pt idx="598">
                  <c:v>45.680983984374997</c:v>
                </c:pt>
                <c:pt idx="599">
                  <c:v>45.681955078125</c:v>
                </c:pt>
                <c:pt idx="600">
                  <c:v>45.682882031249996</c:v>
                </c:pt>
                <c:pt idx="601">
                  <c:v>45.683853124999999</c:v>
                </c:pt>
                <c:pt idx="602">
                  <c:v>45.684780078124994</c:v>
                </c:pt>
                <c:pt idx="603">
                  <c:v>45.685751171874998</c:v>
                </c:pt>
                <c:pt idx="604">
                  <c:v>45.686678125</c:v>
                </c:pt>
                <c:pt idx="605">
                  <c:v>45.687649218749996</c:v>
                </c:pt>
                <c:pt idx="606">
                  <c:v>45.688576171874999</c:v>
                </c:pt>
                <c:pt idx="607">
                  <c:v>45.689547265624995</c:v>
                </c:pt>
                <c:pt idx="608">
                  <c:v>45.690474218749998</c:v>
                </c:pt>
                <c:pt idx="609">
                  <c:v>45.691401171875</c:v>
                </c:pt>
                <c:pt idx="610">
                  <c:v>45.692372265624996</c:v>
                </c:pt>
                <c:pt idx="611">
                  <c:v>45.693299218749999</c:v>
                </c:pt>
                <c:pt idx="612">
                  <c:v>45.694270312499995</c:v>
                </c:pt>
                <c:pt idx="613">
                  <c:v>45.695197265624998</c:v>
                </c:pt>
                <c:pt idx="614">
                  <c:v>45.696168359374994</c:v>
                </c:pt>
                <c:pt idx="615">
                  <c:v>45.697095312499997</c:v>
                </c:pt>
                <c:pt idx="616">
                  <c:v>45.69806640625</c:v>
                </c:pt>
                <c:pt idx="617">
                  <c:v>45.698993359374995</c:v>
                </c:pt>
                <c:pt idx="618">
                  <c:v>45.699964453124998</c:v>
                </c:pt>
                <c:pt idx="619">
                  <c:v>45.700891406249994</c:v>
                </c:pt>
                <c:pt idx="620">
                  <c:v>45.701862499999997</c:v>
                </c:pt>
                <c:pt idx="621">
                  <c:v>45.702789453125</c:v>
                </c:pt>
                <c:pt idx="622">
                  <c:v>45.703760546874996</c:v>
                </c:pt>
                <c:pt idx="623">
                  <c:v>45.704687499999999</c:v>
                </c:pt>
                <c:pt idx="624">
                  <c:v>45.705614453124994</c:v>
                </c:pt>
                <c:pt idx="625">
                  <c:v>45.706585546874997</c:v>
                </c:pt>
                <c:pt idx="626">
                  <c:v>45.7075125</c:v>
                </c:pt>
                <c:pt idx="627">
                  <c:v>45.708483593749996</c:v>
                </c:pt>
                <c:pt idx="628">
                  <c:v>45.709410546874999</c:v>
                </c:pt>
                <c:pt idx="629">
                  <c:v>45.710381640624995</c:v>
                </c:pt>
                <c:pt idx="630">
                  <c:v>45.711308593749997</c:v>
                </c:pt>
                <c:pt idx="631">
                  <c:v>45.712279687500001</c:v>
                </c:pt>
                <c:pt idx="632">
                  <c:v>45.713206640624996</c:v>
                </c:pt>
                <c:pt idx="633">
                  <c:v>45.714177734374999</c:v>
                </c:pt>
                <c:pt idx="634">
                  <c:v>45.715104687499995</c:v>
                </c:pt>
                <c:pt idx="635">
                  <c:v>45.716075781249998</c:v>
                </c:pt>
                <c:pt idx="636">
                  <c:v>45.717002734375001</c:v>
                </c:pt>
                <c:pt idx="637">
                  <c:v>45.717929687499996</c:v>
                </c:pt>
                <c:pt idx="638">
                  <c:v>45.718900781249999</c:v>
                </c:pt>
                <c:pt idx="639">
                  <c:v>45.719827734374995</c:v>
                </c:pt>
                <c:pt idx="640">
                  <c:v>45.720798828124998</c:v>
                </c:pt>
                <c:pt idx="641">
                  <c:v>45.721725781250001</c:v>
                </c:pt>
                <c:pt idx="642">
                  <c:v>45.722696874999997</c:v>
                </c:pt>
                <c:pt idx="643">
                  <c:v>45.723623828125</c:v>
                </c:pt>
                <c:pt idx="644">
                  <c:v>45.724594921874996</c:v>
                </c:pt>
                <c:pt idx="645">
                  <c:v>45.725521874999998</c:v>
                </c:pt>
                <c:pt idx="646">
                  <c:v>45.726492968749994</c:v>
                </c:pt>
                <c:pt idx="647">
                  <c:v>45.727419921874997</c:v>
                </c:pt>
                <c:pt idx="648">
                  <c:v>45.728391015625</c:v>
                </c:pt>
                <c:pt idx="649">
                  <c:v>45.729317968749996</c:v>
                </c:pt>
                <c:pt idx="650">
                  <c:v>45.730289062499999</c:v>
                </c:pt>
                <c:pt idx="651">
                  <c:v>45.731216015624994</c:v>
                </c:pt>
                <c:pt idx="652">
                  <c:v>45.732142968749997</c:v>
                </c:pt>
                <c:pt idx="653">
                  <c:v>45.7331140625</c:v>
                </c:pt>
                <c:pt idx="654">
                  <c:v>45.734041015624996</c:v>
                </c:pt>
                <c:pt idx="655">
                  <c:v>45.735012109374999</c:v>
                </c:pt>
                <c:pt idx="656">
                  <c:v>45.735939062499995</c:v>
                </c:pt>
                <c:pt idx="657">
                  <c:v>45.736910156249998</c:v>
                </c:pt>
                <c:pt idx="658">
                  <c:v>45.737837109375</c:v>
                </c:pt>
                <c:pt idx="659">
                  <c:v>45.738808203124997</c:v>
                </c:pt>
                <c:pt idx="660">
                  <c:v>45.739735156249999</c:v>
                </c:pt>
                <c:pt idx="661">
                  <c:v>45.740706249999995</c:v>
                </c:pt>
                <c:pt idx="662">
                  <c:v>45.741633203124998</c:v>
                </c:pt>
                <c:pt idx="663">
                  <c:v>45.742604296874994</c:v>
                </c:pt>
                <c:pt idx="664">
                  <c:v>45.743531249999997</c:v>
                </c:pt>
                <c:pt idx="665">
                  <c:v>45.744458203124999</c:v>
                </c:pt>
                <c:pt idx="666">
                  <c:v>45.745429296874995</c:v>
                </c:pt>
                <c:pt idx="667">
                  <c:v>45.746356249999998</c:v>
                </c:pt>
                <c:pt idx="668">
                  <c:v>45.747327343749994</c:v>
                </c:pt>
                <c:pt idx="669">
                  <c:v>45.748254296874997</c:v>
                </c:pt>
                <c:pt idx="670">
                  <c:v>45.749225390625</c:v>
                </c:pt>
                <c:pt idx="671">
                  <c:v>45.750152343749996</c:v>
                </c:pt>
                <c:pt idx="672">
                  <c:v>45.751123437499999</c:v>
                </c:pt>
                <c:pt idx="673">
                  <c:v>45.752050390624994</c:v>
                </c:pt>
                <c:pt idx="674">
                  <c:v>45.753021484374997</c:v>
                </c:pt>
                <c:pt idx="675">
                  <c:v>45.7539484375</c:v>
                </c:pt>
                <c:pt idx="676">
                  <c:v>45.754919531249996</c:v>
                </c:pt>
                <c:pt idx="677">
                  <c:v>45.755846484374999</c:v>
                </c:pt>
                <c:pt idx="678">
                  <c:v>45.756817578124995</c:v>
                </c:pt>
                <c:pt idx="679">
                  <c:v>45.757744531249998</c:v>
                </c:pt>
                <c:pt idx="680">
                  <c:v>45.758671484375</c:v>
                </c:pt>
                <c:pt idx="681">
                  <c:v>45.759642578124996</c:v>
                </c:pt>
                <c:pt idx="682">
                  <c:v>45.760569531249999</c:v>
                </c:pt>
                <c:pt idx="683">
                  <c:v>45.761540624999995</c:v>
                </c:pt>
                <c:pt idx="684">
                  <c:v>45.762467578124998</c:v>
                </c:pt>
                <c:pt idx="685">
                  <c:v>45.763438671875001</c:v>
                </c:pt>
                <c:pt idx="686">
                  <c:v>45.764365624999996</c:v>
                </c:pt>
                <c:pt idx="687">
                  <c:v>45.76533671875</c:v>
                </c:pt>
                <c:pt idx="688">
                  <c:v>45.766263671874995</c:v>
                </c:pt>
                <c:pt idx="689">
                  <c:v>45.767234765624998</c:v>
                </c:pt>
                <c:pt idx="690">
                  <c:v>45.768161718749994</c:v>
                </c:pt>
                <c:pt idx="691">
                  <c:v>45.769132812499997</c:v>
                </c:pt>
                <c:pt idx="692">
                  <c:v>45.770059765625</c:v>
                </c:pt>
                <c:pt idx="693">
                  <c:v>45.771030859374996</c:v>
                </c:pt>
                <c:pt idx="694">
                  <c:v>45.771957812499998</c:v>
                </c:pt>
                <c:pt idx="695">
                  <c:v>45.772884765624994</c:v>
                </c:pt>
                <c:pt idx="696">
                  <c:v>45.773855859374997</c:v>
                </c:pt>
                <c:pt idx="697">
                  <c:v>45.7747828125</c:v>
                </c:pt>
                <c:pt idx="698">
                  <c:v>45.775753906249996</c:v>
                </c:pt>
                <c:pt idx="699">
                  <c:v>45.776680859374999</c:v>
                </c:pt>
                <c:pt idx="700">
                  <c:v>45.777651953124995</c:v>
                </c:pt>
                <c:pt idx="701">
                  <c:v>45.778578906249997</c:v>
                </c:pt>
                <c:pt idx="702">
                  <c:v>45.77955</c:v>
                </c:pt>
                <c:pt idx="703">
                  <c:v>45.780476953124996</c:v>
                </c:pt>
                <c:pt idx="704">
                  <c:v>45.781448046874999</c:v>
                </c:pt>
                <c:pt idx="705">
                  <c:v>45.782374999999995</c:v>
                </c:pt>
                <c:pt idx="706">
                  <c:v>45.783346093749998</c:v>
                </c:pt>
                <c:pt idx="707">
                  <c:v>45.784273046875001</c:v>
                </c:pt>
                <c:pt idx="708">
                  <c:v>45.785199999999996</c:v>
                </c:pt>
                <c:pt idx="709">
                  <c:v>45.786171093749999</c:v>
                </c:pt>
                <c:pt idx="710">
                  <c:v>45.787098046874995</c:v>
                </c:pt>
                <c:pt idx="711">
                  <c:v>45.788069140624998</c:v>
                </c:pt>
                <c:pt idx="712">
                  <c:v>45.788996093750001</c:v>
                </c:pt>
                <c:pt idx="713">
                  <c:v>45.789967187499997</c:v>
                </c:pt>
                <c:pt idx="714">
                  <c:v>45.790894140624999</c:v>
                </c:pt>
                <c:pt idx="715">
                  <c:v>45.791865234374995</c:v>
                </c:pt>
                <c:pt idx="716">
                  <c:v>45.792792187499998</c:v>
                </c:pt>
                <c:pt idx="717">
                  <c:v>45.793763281249994</c:v>
                </c:pt>
                <c:pt idx="718">
                  <c:v>45.794690234374997</c:v>
                </c:pt>
                <c:pt idx="719">
                  <c:v>45.795661328125</c:v>
                </c:pt>
                <c:pt idx="720">
                  <c:v>45.796588281249996</c:v>
                </c:pt>
                <c:pt idx="721">
                  <c:v>45.797559374999999</c:v>
                </c:pt>
                <c:pt idx="722">
                  <c:v>45.798486328124994</c:v>
                </c:pt>
                <c:pt idx="723">
                  <c:v>45.799413281249997</c:v>
                </c:pt>
                <c:pt idx="724">
                  <c:v>45.800384375</c:v>
                </c:pt>
                <c:pt idx="725">
                  <c:v>45.801311328124996</c:v>
                </c:pt>
                <c:pt idx="726">
                  <c:v>45.802282421874999</c:v>
                </c:pt>
                <c:pt idx="727">
                  <c:v>45.803209374999994</c:v>
                </c:pt>
                <c:pt idx="728">
                  <c:v>45.804180468749998</c:v>
                </c:pt>
                <c:pt idx="729">
                  <c:v>45.805107421875</c:v>
                </c:pt>
                <c:pt idx="730">
                  <c:v>45.806078515624996</c:v>
                </c:pt>
                <c:pt idx="731">
                  <c:v>45.807005468749999</c:v>
                </c:pt>
                <c:pt idx="732">
                  <c:v>45.807976562499995</c:v>
                </c:pt>
                <c:pt idx="733">
                  <c:v>45.808903515624998</c:v>
                </c:pt>
                <c:pt idx="734">
                  <c:v>45.809874609375001</c:v>
                </c:pt>
                <c:pt idx="735">
                  <c:v>45.810801562499996</c:v>
                </c:pt>
                <c:pt idx="736">
                  <c:v>45.811728515624999</c:v>
                </c:pt>
                <c:pt idx="737">
                  <c:v>45.812699609374995</c:v>
                </c:pt>
                <c:pt idx="738">
                  <c:v>45.813626562499998</c:v>
                </c:pt>
                <c:pt idx="739">
                  <c:v>45.814597656250001</c:v>
                </c:pt>
                <c:pt idx="740">
                  <c:v>45.815524609374997</c:v>
                </c:pt>
                <c:pt idx="741">
                  <c:v>45.816495703125</c:v>
                </c:pt>
                <c:pt idx="742">
                  <c:v>45.817422656249995</c:v>
                </c:pt>
                <c:pt idx="743">
                  <c:v>45.818393749999998</c:v>
                </c:pt>
                <c:pt idx="744">
                  <c:v>45.819320703124994</c:v>
                </c:pt>
                <c:pt idx="745">
                  <c:v>45.820291796874997</c:v>
                </c:pt>
                <c:pt idx="746">
                  <c:v>45.82121875</c:v>
                </c:pt>
                <c:pt idx="747">
                  <c:v>45.822189843749996</c:v>
                </c:pt>
                <c:pt idx="748">
                  <c:v>45.823116796874999</c:v>
                </c:pt>
                <c:pt idx="749">
                  <c:v>45.824087890624995</c:v>
                </c:pt>
                <c:pt idx="750">
                  <c:v>45.825014843749997</c:v>
                </c:pt>
                <c:pt idx="751">
                  <c:v>45.825941796875</c:v>
                </c:pt>
                <c:pt idx="752">
                  <c:v>45.826912890624996</c:v>
                </c:pt>
                <c:pt idx="753">
                  <c:v>45.827839843749999</c:v>
                </c:pt>
                <c:pt idx="754">
                  <c:v>45.828810937499995</c:v>
                </c:pt>
                <c:pt idx="755">
                  <c:v>45.829737890624997</c:v>
                </c:pt>
                <c:pt idx="756">
                  <c:v>45.830708984375001</c:v>
                </c:pt>
                <c:pt idx="757">
                  <c:v>45.831635937499996</c:v>
                </c:pt>
                <c:pt idx="758">
                  <c:v>45.832607031249999</c:v>
                </c:pt>
                <c:pt idx="759">
                  <c:v>45.833533984374995</c:v>
                </c:pt>
                <c:pt idx="760">
                  <c:v>45.834505078124998</c:v>
                </c:pt>
                <c:pt idx="761">
                  <c:v>45.835432031250001</c:v>
                </c:pt>
                <c:pt idx="762">
                  <c:v>45.836403124999997</c:v>
                </c:pt>
                <c:pt idx="763">
                  <c:v>45.837330078124999</c:v>
                </c:pt>
                <c:pt idx="764">
                  <c:v>45.838301171874996</c:v>
                </c:pt>
                <c:pt idx="765">
                  <c:v>45.839228124999998</c:v>
                </c:pt>
                <c:pt idx="766">
                  <c:v>45.840155078125001</c:v>
                </c:pt>
                <c:pt idx="767">
                  <c:v>45.841126171874997</c:v>
                </c:pt>
                <c:pt idx="768">
                  <c:v>45.842053125</c:v>
                </c:pt>
                <c:pt idx="769">
                  <c:v>45.843024218749996</c:v>
                </c:pt>
                <c:pt idx="770">
                  <c:v>45.843951171874998</c:v>
                </c:pt>
                <c:pt idx="771">
                  <c:v>45.844922265624994</c:v>
                </c:pt>
                <c:pt idx="772">
                  <c:v>45.845849218749997</c:v>
                </c:pt>
                <c:pt idx="773">
                  <c:v>45.8468203125</c:v>
                </c:pt>
                <c:pt idx="774">
                  <c:v>45.847747265624996</c:v>
                </c:pt>
                <c:pt idx="775">
                  <c:v>45.848718359374999</c:v>
                </c:pt>
                <c:pt idx="776">
                  <c:v>45.849645312499995</c:v>
                </c:pt>
                <c:pt idx="777">
                  <c:v>45.850616406249998</c:v>
                </c:pt>
                <c:pt idx="778">
                  <c:v>45.851543359375</c:v>
                </c:pt>
                <c:pt idx="779">
                  <c:v>45.852470312499996</c:v>
                </c:pt>
                <c:pt idx="780">
                  <c:v>45.853441406249999</c:v>
                </c:pt>
                <c:pt idx="781">
                  <c:v>45.854368359374995</c:v>
                </c:pt>
                <c:pt idx="782">
                  <c:v>45.855339453124998</c:v>
                </c:pt>
                <c:pt idx="783">
                  <c:v>45.856266406250001</c:v>
                </c:pt>
                <c:pt idx="784">
                  <c:v>45.857237499999997</c:v>
                </c:pt>
                <c:pt idx="785">
                  <c:v>45.858164453124999</c:v>
                </c:pt>
                <c:pt idx="786">
                  <c:v>45.859135546874995</c:v>
                </c:pt>
                <c:pt idx="787">
                  <c:v>45.860062499999998</c:v>
                </c:pt>
                <c:pt idx="788">
                  <c:v>45.861033593749994</c:v>
                </c:pt>
                <c:pt idx="789">
                  <c:v>45.861960546874997</c:v>
                </c:pt>
                <c:pt idx="790">
                  <c:v>45.862931640625</c:v>
                </c:pt>
                <c:pt idx="791">
                  <c:v>45.863858593749995</c:v>
                </c:pt>
                <c:pt idx="792">
                  <c:v>45.864829687499999</c:v>
                </c:pt>
                <c:pt idx="793">
                  <c:v>45.865756640624994</c:v>
                </c:pt>
                <c:pt idx="794">
                  <c:v>45.866683593749997</c:v>
                </c:pt>
                <c:pt idx="795">
                  <c:v>45.8676546875</c:v>
                </c:pt>
                <c:pt idx="796">
                  <c:v>45.868581640624996</c:v>
                </c:pt>
                <c:pt idx="797">
                  <c:v>45.869552734374999</c:v>
                </c:pt>
                <c:pt idx="798">
                  <c:v>45.870479687499994</c:v>
                </c:pt>
                <c:pt idx="799">
                  <c:v>45.871450781249997</c:v>
                </c:pt>
                <c:pt idx="800">
                  <c:v>45.872377734375</c:v>
                </c:pt>
                <c:pt idx="801">
                  <c:v>45.873348828124996</c:v>
                </c:pt>
                <c:pt idx="802">
                  <c:v>45.874275781249999</c:v>
                </c:pt>
                <c:pt idx="803">
                  <c:v>45.875246874999995</c:v>
                </c:pt>
                <c:pt idx="804">
                  <c:v>45.876173828124998</c:v>
                </c:pt>
                <c:pt idx="805">
                  <c:v>45.877144921875001</c:v>
                </c:pt>
                <c:pt idx="806">
                  <c:v>45.878071874999996</c:v>
                </c:pt>
                <c:pt idx="807">
                  <c:v>45.878998828124999</c:v>
                </c:pt>
                <c:pt idx="808">
                  <c:v>45.879969921874995</c:v>
                </c:pt>
                <c:pt idx="809">
                  <c:v>45.880896874999998</c:v>
                </c:pt>
                <c:pt idx="810">
                  <c:v>45.881867968750001</c:v>
                </c:pt>
                <c:pt idx="811">
                  <c:v>45.882794921874996</c:v>
                </c:pt>
                <c:pt idx="812">
                  <c:v>45.883766015625</c:v>
                </c:pt>
                <c:pt idx="813">
                  <c:v>45.884692968749995</c:v>
                </c:pt>
                <c:pt idx="814">
                  <c:v>45.885664062499998</c:v>
                </c:pt>
                <c:pt idx="815">
                  <c:v>45.886591015625001</c:v>
                </c:pt>
                <c:pt idx="816">
                  <c:v>45.887562109374997</c:v>
                </c:pt>
                <c:pt idx="817">
                  <c:v>45.8884890625</c:v>
                </c:pt>
                <c:pt idx="818">
                  <c:v>45.889460156249996</c:v>
                </c:pt>
                <c:pt idx="819">
                  <c:v>45.890387109374998</c:v>
                </c:pt>
                <c:pt idx="820">
                  <c:v>45.891358203124994</c:v>
                </c:pt>
                <c:pt idx="821">
                  <c:v>45.892285156249997</c:v>
                </c:pt>
                <c:pt idx="822">
                  <c:v>45.893212109375</c:v>
                </c:pt>
                <c:pt idx="823">
                  <c:v>45.894183203124996</c:v>
                </c:pt>
                <c:pt idx="824">
                  <c:v>45.895110156249999</c:v>
                </c:pt>
                <c:pt idx="825">
                  <c:v>45.896081249999995</c:v>
                </c:pt>
                <c:pt idx="826">
                  <c:v>45.897008203124997</c:v>
                </c:pt>
                <c:pt idx="827">
                  <c:v>45.897979296875</c:v>
                </c:pt>
                <c:pt idx="828">
                  <c:v>45.898906249999996</c:v>
                </c:pt>
                <c:pt idx="829">
                  <c:v>45.899877343749999</c:v>
                </c:pt>
                <c:pt idx="830">
                  <c:v>45.900804296874995</c:v>
                </c:pt>
                <c:pt idx="831">
                  <c:v>45.901775390624998</c:v>
                </c:pt>
                <c:pt idx="832">
                  <c:v>45.902702343750001</c:v>
                </c:pt>
                <c:pt idx="833">
                  <c:v>45.903673437499997</c:v>
                </c:pt>
                <c:pt idx="834">
                  <c:v>45.904600390624999</c:v>
                </c:pt>
                <c:pt idx="835">
                  <c:v>45.905571484374995</c:v>
                </c:pt>
                <c:pt idx="836">
                  <c:v>45.906498437499998</c:v>
                </c:pt>
                <c:pt idx="837">
                  <c:v>45.907425390625001</c:v>
                </c:pt>
                <c:pt idx="838">
                  <c:v>45.908396484374997</c:v>
                </c:pt>
                <c:pt idx="839">
                  <c:v>45.909323437499999</c:v>
                </c:pt>
                <c:pt idx="840">
                  <c:v>45.910294531249995</c:v>
                </c:pt>
                <c:pt idx="841">
                  <c:v>45.911221484374998</c:v>
                </c:pt>
                <c:pt idx="842">
                  <c:v>45.912192578124994</c:v>
                </c:pt>
                <c:pt idx="843">
                  <c:v>45.913119531249997</c:v>
                </c:pt>
                <c:pt idx="844">
                  <c:v>45.914090625</c:v>
                </c:pt>
                <c:pt idx="845">
                  <c:v>45.915017578124996</c:v>
                </c:pt>
                <c:pt idx="846">
                  <c:v>45.915988671874999</c:v>
                </c:pt>
                <c:pt idx="847">
                  <c:v>45.916915624999994</c:v>
                </c:pt>
                <c:pt idx="848">
                  <c:v>45.917886718749997</c:v>
                </c:pt>
                <c:pt idx="849">
                  <c:v>45.918813671875</c:v>
                </c:pt>
                <c:pt idx="850">
                  <c:v>45.919740624999996</c:v>
                </c:pt>
                <c:pt idx="851">
                  <c:v>45.920711718749999</c:v>
                </c:pt>
                <c:pt idx="852">
                  <c:v>45.921638671874994</c:v>
                </c:pt>
                <c:pt idx="853">
                  <c:v>45.922609765624998</c:v>
                </c:pt>
                <c:pt idx="854">
                  <c:v>45.92353671875</c:v>
                </c:pt>
                <c:pt idx="855">
                  <c:v>45.924507812499996</c:v>
                </c:pt>
                <c:pt idx="856">
                  <c:v>45.925434765624999</c:v>
                </c:pt>
                <c:pt idx="857">
                  <c:v>45.926405859374995</c:v>
                </c:pt>
                <c:pt idx="858">
                  <c:v>45.927332812499998</c:v>
                </c:pt>
                <c:pt idx="859">
                  <c:v>45.928303906250001</c:v>
                </c:pt>
                <c:pt idx="860">
                  <c:v>45.929230859374996</c:v>
                </c:pt>
                <c:pt idx="861">
                  <c:v>45.930201953125</c:v>
                </c:pt>
                <c:pt idx="862">
                  <c:v>45.931128906249995</c:v>
                </c:pt>
                <c:pt idx="863">
                  <c:v>45.932099999999998</c:v>
                </c:pt>
                <c:pt idx="864">
                  <c:v>45.933026953125001</c:v>
                </c:pt>
                <c:pt idx="865">
                  <c:v>45.933953906249997</c:v>
                </c:pt>
                <c:pt idx="866">
                  <c:v>45.934925</c:v>
                </c:pt>
                <c:pt idx="867">
                  <c:v>45.935851953124995</c:v>
                </c:pt>
                <c:pt idx="868">
                  <c:v>45.936823046874999</c:v>
                </c:pt>
                <c:pt idx="869">
                  <c:v>45.937749999999994</c:v>
                </c:pt>
                <c:pt idx="870">
                  <c:v>45.938721093749997</c:v>
                </c:pt>
                <c:pt idx="871">
                  <c:v>45.939648046875</c:v>
                </c:pt>
                <c:pt idx="872">
                  <c:v>45.940619140624996</c:v>
                </c:pt>
                <c:pt idx="873">
                  <c:v>45.941546093749999</c:v>
                </c:pt>
                <c:pt idx="874">
                  <c:v>45.942517187499995</c:v>
                </c:pt>
                <c:pt idx="875">
                  <c:v>45.943444140624997</c:v>
                </c:pt>
                <c:pt idx="876">
                  <c:v>45.944415234375001</c:v>
                </c:pt>
                <c:pt idx="877">
                  <c:v>45.945342187499996</c:v>
                </c:pt>
                <c:pt idx="878">
                  <c:v>45.946269140624999</c:v>
                </c:pt>
                <c:pt idx="879">
                  <c:v>45.947240234374995</c:v>
                </c:pt>
                <c:pt idx="880">
                  <c:v>45.948167187499998</c:v>
                </c:pt>
                <c:pt idx="881">
                  <c:v>45.949138281250001</c:v>
                </c:pt>
                <c:pt idx="882">
                  <c:v>45.950065234374996</c:v>
                </c:pt>
                <c:pt idx="883">
                  <c:v>45.951036328124999</c:v>
                </c:pt>
                <c:pt idx="884">
                  <c:v>45.951963281249995</c:v>
                </c:pt>
                <c:pt idx="885">
                  <c:v>45.952934374999998</c:v>
                </c:pt>
                <c:pt idx="886">
                  <c:v>45.953861328125001</c:v>
                </c:pt>
                <c:pt idx="887">
                  <c:v>45.954832421874997</c:v>
                </c:pt>
                <c:pt idx="888">
                  <c:v>45.955759375</c:v>
                </c:pt>
                <c:pt idx="889">
                  <c:v>45.956730468749996</c:v>
                </c:pt>
                <c:pt idx="890">
                  <c:v>45.957657421874998</c:v>
                </c:pt>
                <c:pt idx="891">
                  <c:v>45.958628515624994</c:v>
                </c:pt>
                <c:pt idx="892">
                  <c:v>45.959555468749997</c:v>
                </c:pt>
                <c:pt idx="893">
                  <c:v>45.960482421875</c:v>
                </c:pt>
                <c:pt idx="894">
                  <c:v>45.961453515624996</c:v>
                </c:pt>
                <c:pt idx="895">
                  <c:v>45.962380468749998</c:v>
                </c:pt>
                <c:pt idx="896">
                  <c:v>45.963351562499994</c:v>
                </c:pt>
                <c:pt idx="897">
                  <c:v>45.964278515624997</c:v>
                </c:pt>
                <c:pt idx="898">
                  <c:v>45.965249609375</c:v>
                </c:pt>
                <c:pt idx="899">
                  <c:v>45.966176562499996</c:v>
                </c:pt>
                <c:pt idx="900">
                  <c:v>45.967147656249999</c:v>
                </c:pt>
                <c:pt idx="901">
                  <c:v>45.968074609374995</c:v>
                </c:pt>
                <c:pt idx="902">
                  <c:v>45.969045703124998</c:v>
                </c:pt>
                <c:pt idx="903">
                  <c:v>45.96997265625</c:v>
                </c:pt>
                <c:pt idx="904">
                  <c:v>45.970943749999996</c:v>
                </c:pt>
                <c:pt idx="905">
                  <c:v>45.971870703124999</c:v>
                </c:pt>
                <c:pt idx="906">
                  <c:v>45.972841796874995</c:v>
                </c:pt>
                <c:pt idx="907">
                  <c:v>45.973768749999998</c:v>
                </c:pt>
                <c:pt idx="908">
                  <c:v>45.974695703125001</c:v>
                </c:pt>
                <c:pt idx="909">
                  <c:v>45.975666796874997</c:v>
                </c:pt>
                <c:pt idx="910">
                  <c:v>45.976593749999999</c:v>
                </c:pt>
                <c:pt idx="911">
                  <c:v>45.977564843749995</c:v>
                </c:pt>
                <c:pt idx="912">
                  <c:v>45.978491796874998</c:v>
                </c:pt>
                <c:pt idx="913">
                  <c:v>45.979462890625001</c:v>
                </c:pt>
                <c:pt idx="914">
                  <c:v>45.980389843749997</c:v>
                </c:pt>
                <c:pt idx="915">
                  <c:v>45.9813609375</c:v>
                </c:pt>
                <c:pt idx="916">
                  <c:v>45.982287890624995</c:v>
                </c:pt>
                <c:pt idx="917">
                  <c:v>45.983258984374999</c:v>
                </c:pt>
                <c:pt idx="918">
                  <c:v>45.984185937499994</c:v>
                </c:pt>
                <c:pt idx="919">
                  <c:v>45.985157031249997</c:v>
                </c:pt>
                <c:pt idx="920">
                  <c:v>45.986083984375</c:v>
                </c:pt>
                <c:pt idx="921">
                  <c:v>45.987010937499996</c:v>
                </c:pt>
                <c:pt idx="922">
                  <c:v>45.987982031249999</c:v>
                </c:pt>
                <c:pt idx="923">
                  <c:v>45.988908984374994</c:v>
                </c:pt>
                <c:pt idx="924">
                  <c:v>45.989880078124997</c:v>
                </c:pt>
                <c:pt idx="925">
                  <c:v>45.99080703125</c:v>
                </c:pt>
                <c:pt idx="926">
                  <c:v>45.991778124999996</c:v>
                </c:pt>
                <c:pt idx="927">
                  <c:v>45.992705078124999</c:v>
                </c:pt>
                <c:pt idx="928">
                  <c:v>45.993676171874995</c:v>
                </c:pt>
                <c:pt idx="929">
                  <c:v>45.994603124999998</c:v>
                </c:pt>
                <c:pt idx="930">
                  <c:v>45.995574218750001</c:v>
                </c:pt>
                <c:pt idx="931">
                  <c:v>45.996501171874996</c:v>
                </c:pt>
                <c:pt idx="932">
                  <c:v>45.997472265624999</c:v>
                </c:pt>
                <c:pt idx="933">
                  <c:v>45.998399218749995</c:v>
                </c:pt>
                <c:pt idx="934">
                  <c:v>45.999370312499998</c:v>
                </c:pt>
                <c:pt idx="935">
                  <c:v>46.000297265625001</c:v>
                </c:pt>
                <c:pt idx="936">
                  <c:v>46.001224218749996</c:v>
                </c:pt>
                <c:pt idx="937">
                  <c:v>46.0021953125</c:v>
                </c:pt>
                <c:pt idx="938">
                  <c:v>46.003122265624995</c:v>
                </c:pt>
                <c:pt idx="939">
                  <c:v>46.004093359374998</c:v>
                </c:pt>
                <c:pt idx="940">
                  <c:v>46.005020312500001</c:v>
                </c:pt>
                <c:pt idx="941">
                  <c:v>46.005991406249997</c:v>
                </c:pt>
                <c:pt idx="942">
                  <c:v>46.006918359375</c:v>
                </c:pt>
                <c:pt idx="943">
                  <c:v>46.007889453124996</c:v>
                </c:pt>
                <c:pt idx="944">
                  <c:v>46.008816406249998</c:v>
                </c:pt>
                <c:pt idx="945">
                  <c:v>46.009787499999995</c:v>
                </c:pt>
                <c:pt idx="946">
                  <c:v>46.010714453124997</c:v>
                </c:pt>
                <c:pt idx="947">
                  <c:v>46.011685546875</c:v>
                </c:pt>
                <c:pt idx="948">
                  <c:v>46.012612499999996</c:v>
                </c:pt>
                <c:pt idx="949">
                  <c:v>46.013539453124999</c:v>
                </c:pt>
                <c:pt idx="950">
                  <c:v>46.014510546874995</c:v>
                </c:pt>
                <c:pt idx="951">
                  <c:v>46.015437499999997</c:v>
                </c:pt>
                <c:pt idx="952">
                  <c:v>46.01640859375</c:v>
                </c:pt>
                <c:pt idx="953">
                  <c:v>46.017335546874996</c:v>
                </c:pt>
                <c:pt idx="954">
                  <c:v>46.018306640624999</c:v>
                </c:pt>
                <c:pt idx="955">
                  <c:v>46.019233593749995</c:v>
                </c:pt>
                <c:pt idx="956">
                  <c:v>46.020204687499998</c:v>
                </c:pt>
                <c:pt idx="957">
                  <c:v>46.021131640625001</c:v>
                </c:pt>
                <c:pt idx="958">
                  <c:v>46.022102734374997</c:v>
                </c:pt>
                <c:pt idx="959">
                  <c:v>46.023029687499999</c:v>
                </c:pt>
                <c:pt idx="960">
                  <c:v>46.024000781249995</c:v>
                </c:pt>
                <c:pt idx="961">
                  <c:v>46.024927734374998</c:v>
                </c:pt>
                <c:pt idx="962">
                  <c:v>46.025898828124994</c:v>
                </c:pt>
                <c:pt idx="963">
                  <c:v>46.026825781249997</c:v>
                </c:pt>
                <c:pt idx="964">
                  <c:v>46.027752734374999</c:v>
                </c:pt>
                <c:pt idx="965">
                  <c:v>46.028723828124996</c:v>
                </c:pt>
                <c:pt idx="966">
                  <c:v>46.029650781249998</c:v>
                </c:pt>
                <c:pt idx="967">
                  <c:v>46.030621874999994</c:v>
                </c:pt>
                <c:pt idx="968">
                  <c:v>46.031548828124997</c:v>
                </c:pt>
                <c:pt idx="969">
                  <c:v>46.032519921875</c:v>
                </c:pt>
                <c:pt idx="970">
                  <c:v>46.033446874999996</c:v>
                </c:pt>
                <c:pt idx="971">
                  <c:v>46.034417968749999</c:v>
                </c:pt>
                <c:pt idx="972">
                  <c:v>46.035344921874994</c:v>
                </c:pt>
                <c:pt idx="973">
                  <c:v>46.036316015624998</c:v>
                </c:pt>
                <c:pt idx="974">
                  <c:v>46.03724296875</c:v>
                </c:pt>
                <c:pt idx="975">
                  <c:v>46.038214062499996</c:v>
                </c:pt>
                <c:pt idx="976">
                  <c:v>46.039141015624999</c:v>
                </c:pt>
                <c:pt idx="977">
                  <c:v>46.040112109374995</c:v>
                </c:pt>
                <c:pt idx="978">
                  <c:v>46.041039062499998</c:v>
                </c:pt>
                <c:pt idx="979">
                  <c:v>46.041966015625</c:v>
                </c:pt>
                <c:pt idx="980">
                  <c:v>46.042937109374996</c:v>
                </c:pt>
                <c:pt idx="981">
                  <c:v>46.043864062499999</c:v>
                </c:pt>
                <c:pt idx="982">
                  <c:v>46.044835156249995</c:v>
                </c:pt>
                <c:pt idx="983">
                  <c:v>46.045762109374998</c:v>
                </c:pt>
                <c:pt idx="984">
                  <c:v>46.046733203125001</c:v>
                </c:pt>
                <c:pt idx="985">
                  <c:v>46.047660156249997</c:v>
                </c:pt>
                <c:pt idx="986">
                  <c:v>46.04863125</c:v>
                </c:pt>
                <c:pt idx="987">
                  <c:v>46.049558203124995</c:v>
                </c:pt>
                <c:pt idx="988">
                  <c:v>46.050529296874998</c:v>
                </c:pt>
                <c:pt idx="989">
                  <c:v>46.051456250000001</c:v>
                </c:pt>
                <c:pt idx="990">
                  <c:v>46.052427343749997</c:v>
                </c:pt>
                <c:pt idx="991">
                  <c:v>46.053354296875</c:v>
                </c:pt>
                <c:pt idx="992">
                  <c:v>46.054281249999995</c:v>
                </c:pt>
                <c:pt idx="993">
                  <c:v>46.055252343749999</c:v>
                </c:pt>
                <c:pt idx="994">
                  <c:v>46.056179296875001</c:v>
                </c:pt>
                <c:pt idx="995">
                  <c:v>46.057150390624997</c:v>
                </c:pt>
                <c:pt idx="996">
                  <c:v>46.05807734375</c:v>
                </c:pt>
                <c:pt idx="997">
                  <c:v>46.059048437499996</c:v>
                </c:pt>
                <c:pt idx="998">
                  <c:v>46.059975390624999</c:v>
                </c:pt>
                <c:pt idx="999">
                  <c:v>46.060946484374995</c:v>
                </c:pt>
                <c:pt idx="1000">
                  <c:v>46.061873437499997</c:v>
                </c:pt>
                <c:pt idx="1001">
                  <c:v>46.062844531250001</c:v>
                </c:pt>
                <c:pt idx="1002">
                  <c:v>46.063771484374996</c:v>
                </c:pt>
                <c:pt idx="1003">
                  <c:v>46.064742578124999</c:v>
                </c:pt>
                <c:pt idx="1004">
                  <c:v>46.065669531249995</c:v>
                </c:pt>
                <c:pt idx="1005">
                  <c:v>46.066640624999998</c:v>
                </c:pt>
                <c:pt idx="1006">
                  <c:v>46.067567578125001</c:v>
                </c:pt>
                <c:pt idx="1007">
                  <c:v>46.068494531249996</c:v>
                </c:pt>
                <c:pt idx="1008">
                  <c:v>46.069465624999999</c:v>
                </c:pt>
                <c:pt idx="1009">
                  <c:v>46.070392578124995</c:v>
                </c:pt>
                <c:pt idx="1010">
                  <c:v>46.071363671874998</c:v>
                </c:pt>
                <c:pt idx="1011">
                  <c:v>46.072290625000001</c:v>
                </c:pt>
                <c:pt idx="1012">
                  <c:v>46.073261718749997</c:v>
                </c:pt>
                <c:pt idx="1013">
                  <c:v>46.074188671875</c:v>
                </c:pt>
                <c:pt idx="1014">
                  <c:v>46.075159765624996</c:v>
                </c:pt>
                <c:pt idx="1015">
                  <c:v>46.076086718749998</c:v>
                </c:pt>
                <c:pt idx="1016">
                  <c:v>46.077057812500001</c:v>
                </c:pt>
                <c:pt idx="1017">
                  <c:v>46.077984765624997</c:v>
                </c:pt>
                <c:pt idx="1018">
                  <c:v>46.078955859375</c:v>
                </c:pt>
                <c:pt idx="1019">
                  <c:v>46.079882812499996</c:v>
                </c:pt>
                <c:pt idx="1020">
                  <c:v>46.080809765624998</c:v>
                </c:pt>
                <c:pt idx="1021">
                  <c:v>46.081780859374994</c:v>
                </c:pt>
                <c:pt idx="1022">
                  <c:v>46.082707812499997</c:v>
                </c:pt>
                <c:pt idx="1023">
                  <c:v>46.08367890625</c:v>
                </c:pt>
                <c:pt idx="1024">
                  <c:v>46.084605859374996</c:v>
                </c:pt>
                <c:pt idx="1025">
                  <c:v>46.085576953124999</c:v>
                </c:pt>
                <c:pt idx="1026">
                  <c:v>46.086503906249995</c:v>
                </c:pt>
                <c:pt idx="1027">
                  <c:v>46.087474999999998</c:v>
                </c:pt>
                <c:pt idx="1028">
                  <c:v>46.088401953125</c:v>
                </c:pt>
                <c:pt idx="1029">
                  <c:v>46.089373046874996</c:v>
                </c:pt>
                <c:pt idx="1030">
                  <c:v>46.090299999999999</c:v>
                </c:pt>
                <c:pt idx="1031">
                  <c:v>46.091271093749995</c:v>
                </c:pt>
                <c:pt idx="1032">
                  <c:v>46.092198046874998</c:v>
                </c:pt>
                <c:pt idx="1033">
                  <c:v>46.093169140625001</c:v>
                </c:pt>
                <c:pt idx="1034">
                  <c:v>46.094096093749997</c:v>
                </c:pt>
                <c:pt idx="1035">
                  <c:v>46.095023046874999</c:v>
                </c:pt>
                <c:pt idx="1036">
                  <c:v>46.095994140624995</c:v>
                </c:pt>
                <c:pt idx="1037">
                  <c:v>46.096921093749998</c:v>
                </c:pt>
                <c:pt idx="1038">
                  <c:v>46.097892187500001</c:v>
                </c:pt>
                <c:pt idx="1039">
                  <c:v>46.098819140624997</c:v>
                </c:pt>
                <c:pt idx="1040">
                  <c:v>46.099790234375</c:v>
                </c:pt>
                <c:pt idx="1041">
                  <c:v>46.100717187499995</c:v>
                </c:pt>
                <c:pt idx="1042">
                  <c:v>46.101688281249999</c:v>
                </c:pt>
                <c:pt idx="1043">
                  <c:v>46.102615234374994</c:v>
                </c:pt>
                <c:pt idx="1044">
                  <c:v>46.103586328124997</c:v>
                </c:pt>
                <c:pt idx="1045">
                  <c:v>46.10451328125</c:v>
                </c:pt>
                <c:pt idx="1046">
                  <c:v>46.105484374999996</c:v>
                </c:pt>
                <c:pt idx="1047">
                  <c:v>46.106411328124999</c:v>
                </c:pt>
                <c:pt idx="1048">
                  <c:v>46.107382421874995</c:v>
                </c:pt>
                <c:pt idx="1049">
                  <c:v>46.108309374999997</c:v>
                </c:pt>
                <c:pt idx="1050">
                  <c:v>46.109236328125</c:v>
                </c:pt>
                <c:pt idx="1051">
                  <c:v>46.110207421874996</c:v>
                </c:pt>
                <c:pt idx="1052">
                  <c:v>46.111134374999999</c:v>
                </c:pt>
                <c:pt idx="1053">
                  <c:v>46.112105468749995</c:v>
                </c:pt>
                <c:pt idx="1054">
                  <c:v>46.113032421874998</c:v>
                </c:pt>
                <c:pt idx="1055">
                  <c:v>46.114003515625001</c:v>
                </c:pt>
                <c:pt idx="1056">
                  <c:v>46.114930468749996</c:v>
                </c:pt>
                <c:pt idx="1057">
                  <c:v>46.115901562499999</c:v>
                </c:pt>
                <c:pt idx="1058">
                  <c:v>46.116828515624995</c:v>
                </c:pt>
                <c:pt idx="1059">
                  <c:v>46.117799609374998</c:v>
                </c:pt>
                <c:pt idx="1060">
                  <c:v>46.118726562500001</c:v>
                </c:pt>
                <c:pt idx="1061">
                  <c:v>46.119697656249997</c:v>
                </c:pt>
                <c:pt idx="1062">
                  <c:v>46.120624609375</c:v>
                </c:pt>
                <c:pt idx="1063">
                  <c:v>46.121551562499995</c:v>
                </c:pt>
                <c:pt idx="1064">
                  <c:v>46.122522656249998</c:v>
                </c:pt>
                <c:pt idx="1065">
                  <c:v>46.123449609375001</c:v>
                </c:pt>
                <c:pt idx="1066">
                  <c:v>46.124420703124997</c:v>
                </c:pt>
                <c:pt idx="1067">
                  <c:v>46.12534765625</c:v>
                </c:pt>
                <c:pt idx="1068">
                  <c:v>46.126318749999996</c:v>
                </c:pt>
                <c:pt idx="1069">
                  <c:v>46.127245703124998</c:v>
                </c:pt>
                <c:pt idx="1070">
                  <c:v>46.128216796874995</c:v>
                </c:pt>
                <c:pt idx="1071">
                  <c:v>46.129143749999997</c:v>
                </c:pt>
                <c:pt idx="1072">
                  <c:v>46.13011484375</c:v>
                </c:pt>
                <c:pt idx="1073">
                  <c:v>46.131041796874996</c:v>
                </c:pt>
                <c:pt idx="1074">
                  <c:v>46.132012890624999</c:v>
                </c:pt>
                <c:pt idx="1075">
                  <c:v>46.132939843749995</c:v>
                </c:pt>
                <c:pt idx="1076">
                  <c:v>46.133910937499998</c:v>
                </c:pt>
                <c:pt idx="1077">
                  <c:v>46.134837890625001</c:v>
                </c:pt>
                <c:pt idx="1078">
                  <c:v>46.135764843749996</c:v>
                </c:pt>
                <c:pt idx="1079">
                  <c:v>46.136735937499999</c:v>
                </c:pt>
                <c:pt idx="1080">
                  <c:v>46.137662890624995</c:v>
                </c:pt>
                <c:pt idx="1081">
                  <c:v>46.138633984374998</c:v>
                </c:pt>
                <c:pt idx="1082">
                  <c:v>46.139560937500001</c:v>
                </c:pt>
                <c:pt idx="1083">
                  <c:v>46.140532031249997</c:v>
                </c:pt>
                <c:pt idx="1084">
                  <c:v>46.141458984374999</c:v>
                </c:pt>
                <c:pt idx="1085">
                  <c:v>46.142430078124995</c:v>
                </c:pt>
                <c:pt idx="1086">
                  <c:v>46.143357031249998</c:v>
                </c:pt>
                <c:pt idx="1087">
                  <c:v>46.144328125000001</c:v>
                </c:pt>
                <c:pt idx="1088">
                  <c:v>46.145255078124997</c:v>
                </c:pt>
                <c:pt idx="1089">
                  <c:v>46.146226171875</c:v>
                </c:pt>
                <c:pt idx="1090">
                  <c:v>46.147153124999996</c:v>
                </c:pt>
                <c:pt idx="1091">
                  <c:v>46.148080078124998</c:v>
                </c:pt>
                <c:pt idx="1092">
                  <c:v>46.149051171875001</c:v>
                </c:pt>
                <c:pt idx="1093">
                  <c:v>46.149978124999997</c:v>
                </c:pt>
                <c:pt idx="1094">
                  <c:v>46.15094921875</c:v>
                </c:pt>
                <c:pt idx="1095">
                  <c:v>46.151876171874996</c:v>
                </c:pt>
                <c:pt idx="1096">
                  <c:v>46.152847265624999</c:v>
                </c:pt>
                <c:pt idx="1097">
                  <c:v>46.153774218750002</c:v>
                </c:pt>
                <c:pt idx="1098">
                  <c:v>46.154745312499998</c:v>
                </c:pt>
                <c:pt idx="1099">
                  <c:v>46.155672265625</c:v>
                </c:pt>
                <c:pt idx="1100">
                  <c:v>46.156643359374996</c:v>
                </c:pt>
                <c:pt idx="1101">
                  <c:v>46.157570312499999</c:v>
                </c:pt>
                <c:pt idx="1102">
                  <c:v>46.158541406249995</c:v>
                </c:pt>
                <c:pt idx="1103">
                  <c:v>46.159468359374998</c:v>
                </c:pt>
                <c:pt idx="1104">
                  <c:v>46.160439453125001</c:v>
                </c:pt>
                <c:pt idx="1105">
                  <c:v>46.161366406249996</c:v>
                </c:pt>
                <c:pt idx="1106">
                  <c:v>46.162293359374999</c:v>
                </c:pt>
                <c:pt idx="1107">
                  <c:v>46.163264453124995</c:v>
                </c:pt>
                <c:pt idx="1108">
                  <c:v>46.164191406249998</c:v>
                </c:pt>
                <c:pt idx="1109">
                  <c:v>46.165162500000001</c:v>
                </c:pt>
                <c:pt idx="1110">
                  <c:v>46.166089453124997</c:v>
                </c:pt>
                <c:pt idx="1111">
                  <c:v>46.167060546875</c:v>
                </c:pt>
                <c:pt idx="1112">
                  <c:v>46.167987499999995</c:v>
                </c:pt>
                <c:pt idx="1113">
                  <c:v>46.168958593749998</c:v>
                </c:pt>
                <c:pt idx="1114">
                  <c:v>46.169885546875001</c:v>
                </c:pt>
                <c:pt idx="1115">
                  <c:v>46.170856640624997</c:v>
                </c:pt>
                <c:pt idx="1116">
                  <c:v>46.17178359375</c:v>
                </c:pt>
                <c:pt idx="1117">
                  <c:v>46.172754687499996</c:v>
                </c:pt>
                <c:pt idx="1118">
                  <c:v>46.173681640624999</c:v>
                </c:pt>
                <c:pt idx="1119">
                  <c:v>46.174652734374995</c:v>
                </c:pt>
                <c:pt idx="1120">
                  <c:v>46.175579687499997</c:v>
                </c:pt>
                <c:pt idx="1121">
                  <c:v>46.176506640625</c:v>
                </c:pt>
                <c:pt idx="1122">
                  <c:v>46.177477734374996</c:v>
                </c:pt>
                <c:pt idx="1123">
                  <c:v>46.178404687499999</c:v>
                </c:pt>
                <c:pt idx="1124">
                  <c:v>46.179375781249995</c:v>
                </c:pt>
                <c:pt idx="1125">
                  <c:v>46.180302734374997</c:v>
                </c:pt>
                <c:pt idx="1126">
                  <c:v>46.181273828125001</c:v>
                </c:pt>
                <c:pt idx="1127">
                  <c:v>46.182200781249996</c:v>
                </c:pt>
                <c:pt idx="1128">
                  <c:v>46.183171874999999</c:v>
                </c:pt>
                <c:pt idx="1129">
                  <c:v>46.184098828124995</c:v>
                </c:pt>
                <c:pt idx="1130">
                  <c:v>46.185069921874998</c:v>
                </c:pt>
                <c:pt idx="1131">
                  <c:v>46.185996875000001</c:v>
                </c:pt>
                <c:pt idx="1132">
                  <c:v>46.186967968749997</c:v>
                </c:pt>
                <c:pt idx="1133">
                  <c:v>46.187894921874999</c:v>
                </c:pt>
                <c:pt idx="1134">
                  <c:v>46.188821874999995</c:v>
                </c:pt>
                <c:pt idx="1135">
                  <c:v>46.189792968749998</c:v>
                </c:pt>
                <c:pt idx="1136">
                  <c:v>46.190719921875001</c:v>
                </c:pt>
                <c:pt idx="1137">
                  <c:v>46.191691015624997</c:v>
                </c:pt>
                <c:pt idx="1138">
                  <c:v>46.19261796875</c:v>
                </c:pt>
                <c:pt idx="1139">
                  <c:v>46.193589062499996</c:v>
                </c:pt>
                <c:pt idx="1140">
                  <c:v>46.194516015624998</c:v>
                </c:pt>
                <c:pt idx="1141">
                  <c:v>46.195487109374994</c:v>
                </c:pt>
                <c:pt idx="1142">
                  <c:v>46.196414062499997</c:v>
                </c:pt>
                <c:pt idx="1143">
                  <c:v>46.19738515625</c:v>
                </c:pt>
                <c:pt idx="1144">
                  <c:v>46.198312109374996</c:v>
                </c:pt>
                <c:pt idx="1145">
                  <c:v>46.199283203124999</c:v>
                </c:pt>
                <c:pt idx="1146">
                  <c:v>46.200210156249994</c:v>
                </c:pt>
                <c:pt idx="1147">
                  <c:v>46.201181249999998</c:v>
                </c:pt>
                <c:pt idx="1148">
                  <c:v>46.202108203125</c:v>
                </c:pt>
                <c:pt idx="1149">
                  <c:v>46.203035156249996</c:v>
                </c:pt>
                <c:pt idx="1150">
                  <c:v>46.204006249999999</c:v>
                </c:pt>
                <c:pt idx="1151">
                  <c:v>46.204933203124995</c:v>
                </c:pt>
                <c:pt idx="1152">
                  <c:v>46.205904296874998</c:v>
                </c:pt>
                <c:pt idx="1153">
                  <c:v>46.20683125</c:v>
                </c:pt>
                <c:pt idx="1154">
                  <c:v>46.207802343749997</c:v>
                </c:pt>
                <c:pt idx="1155">
                  <c:v>46.208729296874999</c:v>
                </c:pt>
                <c:pt idx="1156">
                  <c:v>46.209700390624995</c:v>
                </c:pt>
                <c:pt idx="1157">
                  <c:v>46.210627343749998</c:v>
                </c:pt>
                <c:pt idx="1158">
                  <c:v>46.211598437500001</c:v>
                </c:pt>
                <c:pt idx="1159">
                  <c:v>46.212525390624997</c:v>
                </c:pt>
                <c:pt idx="1160">
                  <c:v>46.213496484375</c:v>
                </c:pt>
                <c:pt idx="1161">
                  <c:v>46.214423437499995</c:v>
                </c:pt>
                <c:pt idx="1162">
                  <c:v>46.215350390624998</c:v>
                </c:pt>
                <c:pt idx="1163">
                  <c:v>46.216321484375001</c:v>
                </c:pt>
                <c:pt idx="1164">
                  <c:v>46.217248437499997</c:v>
                </c:pt>
                <c:pt idx="1165">
                  <c:v>46.21821953125</c:v>
                </c:pt>
                <c:pt idx="1166">
                  <c:v>46.219146484374996</c:v>
                </c:pt>
                <c:pt idx="1167">
                  <c:v>46.220117578124999</c:v>
                </c:pt>
                <c:pt idx="1168">
                  <c:v>46.221044531250001</c:v>
                </c:pt>
                <c:pt idx="1169">
                  <c:v>46.222015624999997</c:v>
                </c:pt>
                <c:pt idx="1170">
                  <c:v>46.222942578125</c:v>
                </c:pt>
                <c:pt idx="1171">
                  <c:v>46.223913671874996</c:v>
                </c:pt>
                <c:pt idx="1172">
                  <c:v>46.224840624999999</c:v>
                </c:pt>
                <c:pt idx="1173">
                  <c:v>46.225811718749995</c:v>
                </c:pt>
                <c:pt idx="1174">
                  <c:v>46.226738671874998</c:v>
                </c:pt>
                <c:pt idx="1175">
                  <c:v>46.227709765625001</c:v>
                </c:pt>
                <c:pt idx="1176">
                  <c:v>46.228636718749996</c:v>
                </c:pt>
                <c:pt idx="1177">
                  <c:v>46.229563671874999</c:v>
                </c:pt>
                <c:pt idx="1178">
                  <c:v>46.230534765624995</c:v>
                </c:pt>
                <c:pt idx="1179">
                  <c:v>46.231461718749998</c:v>
                </c:pt>
                <c:pt idx="1180">
                  <c:v>46.232432812500001</c:v>
                </c:pt>
                <c:pt idx="1181">
                  <c:v>46.233359765624996</c:v>
                </c:pt>
                <c:pt idx="1182">
                  <c:v>46.234330859375</c:v>
                </c:pt>
                <c:pt idx="1183">
                  <c:v>46.235257812499995</c:v>
                </c:pt>
                <c:pt idx="1184">
                  <c:v>46.236228906249998</c:v>
                </c:pt>
                <c:pt idx="1185">
                  <c:v>46.237155859375001</c:v>
                </c:pt>
                <c:pt idx="1186">
                  <c:v>46.238126953124997</c:v>
                </c:pt>
                <c:pt idx="1187">
                  <c:v>46.23905390625</c:v>
                </c:pt>
                <c:pt idx="1188">
                  <c:v>46.240024999999996</c:v>
                </c:pt>
                <c:pt idx="1189">
                  <c:v>46.240951953124998</c:v>
                </c:pt>
                <c:pt idx="1190">
                  <c:v>46.241923046875002</c:v>
                </c:pt>
                <c:pt idx="1191">
                  <c:v>46.242849999999997</c:v>
                </c:pt>
                <c:pt idx="1192">
                  <c:v>46.243776953125</c:v>
                </c:pt>
                <c:pt idx="1193">
                  <c:v>46.244748046874996</c:v>
                </c:pt>
                <c:pt idx="1194">
                  <c:v>46.245674999999999</c:v>
                </c:pt>
                <c:pt idx="1195">
                  <c:v>46.246646093749995</c:v>
                </c:pt>
                <c:pt idx="1196">
                  <c:v>46.247573046874997</c:v>
                </c:pt>
                <c:pt idx="1197">
                  <c:v>46.248544140625</c:v>
                </c:pt>
                <c:pt idx="1198">
                  <c:v>46.249471093749996</c:v>
                </c:pt>
                <c:pt idx="1199">
                  <c:v>46.250442187499999</c:v>
                </c:pt>
                <c:pt idx="1200">
                  <c:v>46.251369140624995</c:v>
                </c:pt>
                <c:pt idx="1201">
                  <c:v>46.252340234374998</c:v>
                </c:pt>
                <c:pt idx="1202">
                  <c:v>46.253267187500001</c:v>
                </c:pt>
                <c:pt idx="1203">
                  <c:v>46.254238281249997</c:v>
                </c:pt>
                <c:pt idx="1204">
                  <c:v>46.255165234374999</c:v>
                </c:pt>
                <c:pt idx="1205">
                  <c:v>46.256092187499995</c:v>
                </c:pt>
                <c:pt idx="1206">
                  <c:v>46.257063281249998</c:v>
                </c:pt>
                <c:pt idx="1207">
                  <c:v>46.257990234375001</c:v>
                </c:pt>
                <c:pt idx="1208">
                  <c:v>46.258961328124997</c:v>
                </c:pt>
                <c:pt idx="1209">
                  <c:v>46.259888281249999</c:v>
                </c:pt>
                <c:pt idx="1210">
                  <c:v>46.260859374999995</c:v>
                </c:pt>
                <c:pt idx="1211">
                  <c:v>46.261786328124998</c:v>
                </c:pt>
                <c:pt idx="1212">
                  <c:v>46.262757421875001</c:v>
                </c:pt>
                <c:pt idx="1213">
                  <c:v>46.263684374999997</c:v>
                </c:pt>
                <c:pt idx="1214">
                  <c:v>46.26465546875</c:v>
                </c:pt>
                <c:pt idx="1215">
                  <c:v>46.265582421874996</c:v>
                </c:pt>
                <c:pt idx="1216">
                  <c:v>46.266553515624999</c:v>
                </c:pt>
                <c:pt idx="1217">
                  <c:v>46.267480468750001</c:v>
                </c:pt>
                <c:pt idx="1218">
                  <c:v>46.268451562499997</c:v>
                </c:pt>
                <c:pt idx="1219">
                  <c:v>46.269378515625</c:v>
                </c:pt>
                <c:pt idx="1220">
                  <c:v>46.270305468749996</c:v>
                </c:pt>
                <c:pt idx="1221">
                  <c:v>46.271276562499999</c:v>
                </c:pt>
                <c:pt idx="1222">
                  <c:v>46.272203515624994</c:v>
                </c:pt>
                <c:pt idx="1223">
                  <c:v>46.273174609374998</c:v>
                </c:pt>
                <c:pt idx="1224">
                  <c:v>46.2741015625</c:v>
                </c:pt>
                <c:pt idx="1225">
                  <c:v>46.275072656249996</c:v>
                </c:pt>
                <c:pt idx="1226">
                  <c:v>46.275999609374999</c:v>
                </c:pt>
                <c:pt idx="1227">
                  <c:v>46.276970703124995</c:v>
                </c:pt>
                <c:pt idx="1228">
                  <c:v>46.277897656249998</c:v>
                </c:pt>
                <c:pt idx="1229">
                  <c:v>46.278868750000001</c:v>
                </c:pt>
                <c:pt idx="1230">
                  <c:v>46.279795703124996</c:v>
                </c:pt>
                <c:pt idx="1231">
                  <c:v>46.280766796875</c:v>
                </c:pt>
                <c:pt idx="1232">
                  <c:v>46.281693749999995</c:v>
                </c:pt>
                <c:pt idx="1233">
                  <c:v>46.282620703124998</c:v>
                </c:pt>
                <c:pt idx="1234">
                  <c:v>46.283591796875001</c:v>
                </c:pt>
                <c:pt idx="1235">
                  <c:v>46.284518749999997</c:v>
                </c:pt>
                <c:pt idx="1236">
                  <c:v>46.28548984375</c:v>
                </c:pt>
                <c:pt idx="1237">
                  <c:v>46.286416796874995</c:v>
                </c:pt>
                <c:pt idx="1238">
                  <c:v>46.287387890624998</c:v>
                </c:pt>
                <c:pt idx="1239">
                  <c:v>46.288314843750001</c:v>
                </c:pt>
                <c:pt idx="1240">
                  <c:v>46.289285937499997</c:v>
                </c:pt>
                <c:pt idx="1241">
                  <c:v>46.290212890625</c:v>
                </c:pt>
                <c:pt idx="1242">
                  <c:v>46.291183984374996</c:v>
                </c:pt>
                <c:pt idx="1243">
                  <c:v>46.292110937499999</c:v>
                </c:pt>
                <c:pt idx="1244">
                  <c:v>46.293082031249995</c:v>
                </c:pt>
                <c:pt idx="1245">
                  <c:v>46.294008984374997</c:v>
                </c:pt>
                <c:pt idx="1246">
                  <c:v>46.294980078125</c:v>
                </c:pt>
                <c:pt idx="1247">
                  <c:v>46.295907031249996</c:v>
                </c:pt>
                <c:pt idx="1248">
                  <c:v>46.296833984374999</c:v>
                </c:pt>
                <c:pt idx="1249">
                  <c:v>46.297805078124995</c:v>
                </c:pt>
                <c:pt idx="1250">
                  <c:v>46.298732031249997</c:v>
                </c:pt>
                <c:pt idx="1251">
                  <c:v>46.299703125000001</c:v>
                </c:pt>
                <c:pt idx="1252">
                  <c:v>46.300630078124996</c:v>
                </c:pt>
                <c:pt idx="1253">
                  <c:v>46.301601171874999</c:v>
                </c:pt>
                <c:pt idx="1254">
                  <c:v>46.302528124999995</c:v>
                </c:pt>
                <c:pt idx="1255">
                  <c:v>46.303499218749998</c:v>
                </c:pt>
                <c:pt idx="1256">
                  <c:v>46.304426171875001</c:v>
                </c:pt>
                <c:pt idx="1257">
                  <c:v>46.305397265624997</c:v>
                </c:pt>
                <c:pt idx="1258">
                  <c:v>46.306324218749999</c:v>
                </c:pt>
                <c:pt idx="1259">
                  <c:v>46.307295312499996</c:v>
                </c:pt>
                <c:pt idx="1260">
                  <c:v>46.308222265624998</c:v>
                </c:pt>
                <c:pt idx="1261">
                  <c:v>46.309193359375001</c:v>
                </c:pt>
                <c:pt idx="1262">
                  <c:v>46.310120312499997</c:v>
                </c:pt>
                <c:pt idx="1263">
                  <c:v>46.311047265625</c:v>
                </c:pt>
                <c:pt idx="1264">
                  <c:v>46.312018359374996</c:v>
                </c:pt>
                <c:pt idx="1265">
                  <c:v>46.312945312499998</c:v>
                </c:pt>
                <c:pt idx="1266">
                  <c:v>46.313916406250002</c:v>
                </c:pt>
                <c:pt idx="1267">
                  <c:v>46.314843359374997</c:v>
                </c:pt>
                <c:pt idx="1268">
                  <c:v>46.315814453125</c:v>
                </c:pt>
                <c:pt idx="1269">
                  <c:v>46.316741406249996</c:v>
                </c:pt>
                <c:pt idx="1270">
                  <c:v>46.317712499999999</c:v>
                </c:pt>
                <c:pt idx="1271">
                  <c:v>46.318639453125002</c:v>
                </c:pt>
                <c:pt idx="1272">
                  <c:v>46.319610546874998</c:v>
                </c:pt>
                <c:pt idx="1273">
                  <c:v>46.3205375</c:v>
                </c:pt>
                <c:pt idx="1274">
                  <c:v>46.321508593749996</c:v>
                </c:pt>
                <c:pt idx="1275">
                  <c:v>46.322435546874999</c:v>
                </c:pt>
                <c:pt idx="1276">
                  <c:v>46.323362499999995</c:v>
                </c:pt>
                <c:pt idx="1277">
                  <c:v>46.324333593749998</c:v>
                </c:pt>
                <c:pt idx="1278">
                  <c:v>46.325260546875001</c:v>
                </c:pt>
                <c:pt idx="1279">
                  <c:v>46.326231640624997</c:v>
                </c:pt>
                <c:pt idx="1280">
                  <c:v>46.327158593749999</c:v>
                </c:pt>
                <c:pt idx="1281">
                  <c:v>46.328129687499995</c:v>
                </c:pt>
                <c:pt idx="1282">
                  <c:v>46.329056640624998</c:v>
                </c:pt>
                <c:pt idx="1283">
                  <c:v>46.330027734375001</c:v>
                </c:pt>
                <c:pt idx="1284">
                  <c:v>46.330954687499997</c:v>
                </c:pt>
                <c:pt idx="1285">
                  <c:v>46.33192578125</c:v>
                </c:pt>
                <c:pt idx="1286">
                  <c:v>46.332852734374995</c:v>
                </c:pt>
                <c:pt idx="1287">
                  <c:v>46.333823828124999</c:v>
                </c:pt>
                <c:pt idx="1288">
                  <c:v>46.334750781250001</c:v>
                </c:pt>
                <c:pt idx="1289">
                  <c:v>46.335721874999997</c:v>
                </c:pt>
                <c:pt idx="1290">
                  <c:v>46.336648828125</c:v>
                </c:pt>
                <c:pt idx="1291">
                  <c:v>46.337575781249996</c:v>
                </c:pt>
                <c:pt idx="1292">
                  <c:v>46.338546874999999</c:v>
                </c:pt>
                <c:pt idx="1293">
                  <c:v>46.339473828125001</c:v>
                </c:pt>
                <c:pt idx="1294">
                  <c:v>46.340444921874997</c:v>
                </c:pt>
                <c:pt idx="1295">
                  <c:v>46.341371875</c:v>
                </c:pt>
                <c:pt idx="1296">
                  <c:v>46.342342968749996</c:v>
                </c:pt>
                <c:pt idx="1297">
                  <c:v>46.343269921874999</c:v>
                </c:pt>
                <c:pt idx="1298">
                  <c:v>46.344241015624995</c:v>
                </c:pt>
                <c:pt idx="1299">
                  <c:v>46.345167968749998</c:v>
                </c:pt>
                <c:pt idx="1300">
                  <c:v>46.346139062500001</c:v>
                </c:pt>
                <c:pt idx="1301">
                  <c:v>46.347066015624996</c:v>
                </c:pt>
                <c:pt idx="1302">
                  <c:v>46.348037109374999</c:v>
                </c:pt>
                <c:pt idx="1303">
                  <c:v>46.348964062499995</c:v>
                </c:pt>
                <c:pt idx="1304">
                  <c:v>46.349891015624998</c:v>
                </c:pt>
                <c:pt idx="1305">
                  <c:v>46.350862109375001</c:v>
                </c:pt>
                <c:pt idx="1306">
                  <c:v>46.351789062499996</c:v>
                </c:pt>
                <c:pt idx="1307">
                  <c:v>46.35276015625</c:v>
                </c:pt>
                <c:pt idx="1308">
                  <c:v>46.353687109374995</c:v>
                </c:pt>
                <c:pt idx="1309">
                  <c:v>46.354658203124998</c:v>
                </c:pt>
                <c:pt idx="1310">
                  <c:v>46.355585156250001</c:v>
                </c:pt>
                <c:pt idx="1311">
                  <c:v>46.356556249999997</c:v>
                </c:pt>
                <c:pt idx="1312">
                  <c:v>46.357483203125</c:v>
                </c:pt>
                <c:pt idx="1313">
                  <c:v>46.358454296874996</c:v>
                </c:pt>
                <c:pt idx="1314">
                  <c:v>46.359381249999998</c:v>
                </c:pt>
                <c:pt idx="1315">
                  <c:v>46.360352343749994</c:v>
                </c:pt>
                <c:pt idx="1316">
                  <c:v>46.361279296874997</c:v>
                </c:pt>
                <c:pt idx="1317">
                  <c:v>46.362250390625</c:v>
                </c:pt>
                <c:pt idx="1318">
                  <c:v>46.363177343749996</c:v>
                </c:pt>
                <c:pt idx="1319">
                  <c:v>46.364104296874999</c:v>
                </c:pt>
                <c:pt idx="1320">
                  <c:v>46.365075390624995</c:v>
                </c:pt>
                <c:pt idx="1321">
                  <c:v>46.366002343749997</c:v>
                </c:pt>
                <c:pt idx="1322">
                  <c:v>46.3669734375</c:v>
                </c:pt>
                <c:pt idx="1323">
                  <c:v>46.367900390624996</c:v>
                </c:pt>
                <c:pt idx="1324">
                  <c:v>46.368871484374999</c:v>
                </c:pt>
                <c:pt idx="1325">
                  <c:v>46.369798437499995</c:v>
                </c:pt>
                <c:pt idx="1326">
                  <c:v>46.370769531249998</c:v>
                </c:pt>
                <c:pt idx="1327">
                  <c:v>46.371696484375001</c:v>
                </c:pt>
                <c:pt idx="1328">
                  <c:v>46.372667578124997</c:v>
                </c:pt>
                <c:pt idx="1329">
                  <c:v>46.373594531249999</c:v>
                </c:pt>
                <c:pt idx="1330">
                  <c:v>46.374565624999995</c:v>
                </c:pt>
                <c:pt idx="1331">
                  <c:v>46.375492578124998</c:v>
                </c:pt>
                <c:pt idx="1332">
                  <c:v>46.376463671875001</c:v>
                </c:pt>
                <c:pt idx="1333">
                  <c:v>46.377390624999997</c:v>
                </c:pt>
                <c:pt idx="1334">
                  <c:v>46.378317578124999</c:v>
                </c:pt>
                <c:pt idx="1335">
                  <c:v>46.379288671874995</c:v>
                </c:pt>
                <c:pt idx="1336">
                  <c:v>46.380215624999998</c:v>
                </c:pt>
                <c:pt idx="1337">
                  <c:v>46.381186718750001</c:v>
                </c:pt>
                <c:pt idx="1338">
                  <c:v>46.382113671874997</c:v>
                </c:pt>
                <c:pt idx="1339">
                  <c:v>46.383084765625</c:v>
                </c:pt>
                <c:pt idx="1340">
                  <c:v>46.384011718749996</c:v>
                </c:pt>
                <c:pt idx="1341">
                  <c:v>46.384982812499999</c:v>
                </c:pt>
                <c:pt idx="1342">
                  <c:v>46.385909765625001</c:v>
                </c:pt>
                <c:pt idx="1343">
                  <c:v>46.386880859374997</c:v>
                </c:pt>
                <c:pt idx="1344">
                  <c:v>46.3878078125</c:v>
                </c:pt>
                <c:pt idx="1345">
                  <c:v>46.388778906249996</c:v>
                </c:pt>
                <c:pt idx="1346">
                  <c:v>46.389705859374999</c:v>
                </c:pt>
                <c:pt idx="1347">
                  <c:v>46.390632812500002</c:v>
                </c:pt>
                <c:pt idx="1348">
                  <c:v>46.391603906249998</c:v>
                </c:pt>
                <c:pt idx="1349">
                  <c:v>46.392530859375</c:v>
                </c:pt>
                <c:pt idx="1350">
                  <c:v>46.393501953124996</c:v>
                </c:pt>
                <c:pt idx="1351">
                  <c:v>46.394428906249999</c:v>
                </c:pt>
                <c:pt idx="1352">
                  <c:v>46.395399999999995</c:v>
                </c:pt>
                <c:pt idx="1353">
                  <c:v>46.396326953124998</c:v>
                </c:pt>
                <c:pt idx="1354">
                  <c:v>46.397298046875001</c:v>
                </c:pt>
                <c:pt idx="1355">
                  <c:v>46.398224999999996</c:v>
                </c:pt>
                <c:pt idx="1356">
                  <c:v>46.39919609375</c:v>
                </c:pt>
                <c:pt idx="1357">
                  <c:v>46.400123046874995</c:v>
                </c:pt>
                <c:pt idx="1358">
                  <c:v>46.401094140624998</c:v>
                </c:pt>
                <c:pt idx="1359">
                  <c:v>46.402021093750001</c:v>
                </c:pt>
                <c:pt idx="1360">
                  <c:v>46.402992187499997</c:v>
                </c:pt>
                <c:pt idx="1361">
                  <c:v>46.403919140625</c:v>
                </c:pt>
                <c:pt idx="1362">
                  <c:v>46.404846093749995</c:v>
                </c:pt>
                <c:pt idx="1363">
                  <c:v>46.405817187499999</c:v>
                </c:pt>
                <c:pt idx="1364">
                  <c:v>46.406744140625001</c:v>
                </c:pt>
                <c:pt idx="1365">
                  <c:v>46.407715234374997</c:v>
                </c:pt>
                <c:pt idx="1366">
                  <c:v>46.4086421875</c:v>
                </c:pt>
                <c:pt idx="1367">
                  <c:v>46.409613281249996</c:v>
                </c:pt>
                <c:pt idx="1368">
                  <c:v>46.410540234374999</c:v>
                </c:pt>
                <c:pt idx="1369">
                  <c:v>46.411511328125002</c:v>
                </c:pt>
                <c:pt idx="1370">
                  <c:v>46.412438281249997</c:v>
                </c:pt>
                <c:pt idx="1371">
                  <c:v>46.413409375000001</c:v>
                </c:pt>
                <c:pt idx="1372">
                  <c:v>46.414336328124996</c:v>
                </c:pt>
                <c:pt idx="1373">
                  <c:v>46.415307421874999</c:v>
                </c:pt>
                <c:pt idx="1374">
                  <c:v>46.416234374999995</c:v>
                </c:pt>
                <c:pt idx="1375">
                  <c:v>46.417161328124998</c:v>
                </c:pt>
                <c:pt idx="1376">
                  <c:v>46.418132421875001</c:v>
                </c:pt>
                <c:pt idx="1377">
                  <c:v>46.419059374999996</c:v>
                </c:pt>
                <c:pt idx="1378">
                  <c:v>46.420030468749999</c:v>
                </c:pt>
                <c:pt idx="1379">
                  <c:v>46.420957421874995</c:v>
                </c:pt>
                <c:pt idx="1380">
                  <c:v>46.421928515624998</c:v>
                </c:pt>
                <c:pt idx="1381">
                  <c:v>46.422855468750001</c:v>
                </c:pt>
                <c:pt idx="1382">
                  <c:v>46.423826562499997</c:v>
                </c:pt>
                <c:pt idx="1383">
                  <c:v>46.424753515625</c:v>
                </c:pt>
                <c:pt idx="1384">
                  <c:v>46.425724609374996</c:v>
                </c:pt>
                <c:pt idx="1385">
                  <c:v>46.426651562499998</c:v>
                </c:pt>
                <c:pt idx="1386">
                  <c:v>46.427622656250001</c:v>
                </c:pt>
                <c:pt idx="1387">
                  <c:v>46.428549609374997</c:v>
                </c:pt>
                <c:pt idx="1388">
                  <c:v>46.429520703125</c:v>
                </c:pt>
                <c:pt idx="1389">
                  <c:v>46.430447656249996</c:v>
                </c:pt>
                <c:pt idx="1390">
                  <c:v>46.431374609374998</c:v>
                </c:pt>
                <c:pt idx="1391">
                  <c:v>46.432345703125002</c:v>
                </c:pt>
                <c:pt idx="1392">
                  <c:v>46.433272656249997</c:v>
                </c:pt>
                <c:pt idx="1393">
                  <c:v>46.43424375</c:v>
                </c:pt>
                <c:pt idx="1394">
                  <c:v>46.435170703124996</c:v>
                </c:pt>
                <c:pt idx="1395">
                  <c:v>46.436141796874999</c:v>
                </c:pt>
                <c:pt idx="1396">
                  <c:v>46.437068749999995</c:v>
                </c:pt>
                <c:pt idx="1397">
                  <c:v>46.438039843749998</c:v>
                </c:pt>
                <c:pt idx="1398">
                  <c:v>46.438966796875</c:v>
                </c:pt>
                <c:pt idx="1399">
                  <c:v>46.439937890624996</c:v>
                </c:pt>
                <c:pt idx="1400">
                  <c:v>46.440864843749999</c:v>
                </c:pt>
                <c:pt idx="1401">
                  <c:v>46.441835937499995</c:v>
                </c:pt>
                <c:pt idx="1402">
                  <c:v>46.442762890624998</c:v>
                </c:pt>
                <c:pt idx="1403">
                  <c:v>46.443733984375001</c:v>
                </c:pt>
                <c:pt idx="1404">
                  <c:v>46.444660937499997</c:v>
                </c:pt>
                <c:pt idx="1405">
                  <c:v>46.445587890624999</c:v>
                </c:pt>
                <c:pt idx="1406">
                  <c:v>46.446558984374995</c:v>
                </c:pt>
                <c:pt idx="1407">
                  <c:v>46.447485937499998</c:v>
                </c:pt>
                <c:pt idx="1408">
                  <c:v>46.448457031250001</c:v>
                </c:pt>
                <c:pt idx="1409">
                  <c:v>46.449383984374997</c:v>
                </c:pt>
                <c:pt idx="1410">
                  <c:v>46.450355078125</c:v>
                </c:pt>
                <c:pt idx="1411">
                  <c:v>46.451282031249995</c:v>
                </c:pt>
                <c:pt idx="1412">
                  <c:v>46.452253124999999</c:v>
                </c:pt>
                <c:pt idx="1413">
                  <c:v>46.453180078125001</c:v>
                </c:pt>
                <c:pt idx="1414">
                  <c:v>46.454151171874997</c:v>
                </c:pt>
                <c:pt idx="1415">
                  <c:v>46.455078125</c:v>
                </c:pt>
                <c:pt idx="1416">
                  <c:v>46.456049218749996</c:v>
                </c:pt>
                <c:pt idx="1417">
                  <c:v>46.456976171874999</c:v>
                </c:pt>
                <c:pt idx="1418">
                  <c:v>46.457903125000001</c:v>
                </c:pt>
                <c:pt idx="1419">
                  <c:v>46.458874218749997</c:v>
                </c:pt>
                <c:pt idx="1420">
                  <c:v>46.459801171875</c:v>
                </c:pt>
                <c:pt idx="1421">
                  <c:v>46.460772265624996</c:v>
                </c:pt>
                <c:pt idx="1422">
                  <c:v>46.461699218749999</c:v>
                </c:pt>
                <c:pt idx="1423">
                  <c:v>46.462670312499995</c:v>
                </c:pt>
                <c:pt idx="1424">
                  <c:v>46.463597265624998</c:v>
                </c:pt>
                <c:pt idx="1425">
                  <c:v>46.464568359375001</c:v>
                </c:pt>
                <c:pt idx="1426">
                  <c:v>46.465495312499996</c:v>
                </c:pt>
                <c:pt idx="1427">
                  <c:v>46.466466406249999</c:v>
                </c:pt>
                <c:pt idx="1428">
                  <c:v>46.467393359374995</c:v>
                </c:pt>
                <c:pt idx="1429">
                  <c:v>46.468364453124998</c:v>
                </c:pt>
                <c:pt idx="1430">
                  <c:v>46.469291406250001</c:v>
                </c:pt>
                <c:pt idx="1431">
                  <c:v>46.470262499999997</c:v>
                </c:pt>
                <c:pt idx="1432">
                  <c:v>46.471189453125</c:v>
                </c:pt>
                <c:pt idx="1433">
                  <c:v>46.472116406249995</c:v>
                </c:pt>
                <c:pt idx="1434">
                  <c:v>46.473087499999998</c:v>
                </c:pt>
                <c:pt idx="1435">
                  <c:v>46.474014453125001</c:v>
                </c:pt>
                <c:pt idx="1436">
                  <c:v>46.474985546874997</c:v>
                </c:pt>
                <c:pt idx="1437">
                  <c:v>46.4759125</c:v>
                </c:pt>
                <c:pt idx="1438">
                  <c:v>46.476883593749996</c:v>
                </c:pt>
                <c:pt idx="1439">
                  <c:v>46.477810546874998</c:v>
                </c:pt>
                <c:pt idx="1440">
                  <c:v>46.478781640625002</c:v>
                </c:pt>
                <c:pt idx="1441">
                  <c:v>46.479708593749997</c:v>
                </c:pt>
                <c:pt idx="1442">
                  <c:v>46.4806796875</c:v>
                </c:pt>
                <c:pt idx="1443">
                  <c:v>46.481606640624996</c:v>
                </c:pt>
                <c:pt idx="1444">
                  <c:v>46.482577734374999</c:v>
                </c:pt>
                <c:pt idx="1445">
                  <c:v>46.483504687500002</c:v>
                </c:pt>
                <c:pt idx="1446">
                  <c:v>46.484431640624997</c:v>
                </c:pt>
                <c:pt idx="1447">
                  <c:v>46.485402734375</c:v>
                </c:pt>
                <c:pt idx="1448">
                  <c:v>46.486329687499996</c:v>
                </c:pt>
                <c:pt idx="1449">
                  <c:v>46.487300781249999</c:v>
                </c:pt>
                <c:pt idx="1450">
                  <c:v>46.488227734375002</c:v>
                </c:pt>
                <c:pt idx="1451">
                  <c:v>46.489198828124998</c:v>
                </c:pt>
                <c:pt idx="1452">
                  <c:v>46.490125781250001</c:v>
                </c:pt>
                <c:pt idx="1453">
                  <c:v>46.491096874999997</c:v>
                </c:pt>
                <c:pt idx="1454">
                  <c:v>46.492023828124999</c:v>
                </c:pt>
                <c:pt idx="1455">
                  <c:v>46.492994921874995</c:v>
                </c:pt>
                <c:pt idx="1456">
                  <c:v>46.493921874999998</c:v>
                </c:pt>
                <c:pt idx="1457">
                  <c:v>46.494892968750001</c:v>
                </c:pt>
                <c:pt idx="1458">
                  <c:v>46.495819921874997</c:v>
                </c:pt>
                <c:pt idx="1459">
                  <c:v>46.496791015625</c:v>
                </c:pt>
                <c:pt idx="1460">
                  <c:v>46.497717968749996</c:v>
                </c:pt>
                <c:pt idx="1461">
                  <c:v>46.498644921874998</c:v>
                </c:pt>
                <c:pt idx="1462">
                  <c:v>46.499616015625001</c:v>
                </c:pt>
                <c:pt idx="1463">
                  <c:v>46.500542968749997</c:v>
                </c:pt>
                <c:pt idx="1464">
                  <c:v>46.5015140625</c:v>
                </c:pt>
                <c:pt idx="1465">
                  <c:v>46.502441015624996</c:v>
                </c:pt>
                <c:pt idx="1466">
                  <c:v>46.503412109374999</c:v>
                </c:pt>
                <c:pt idx="1467">
                  <c:v>46.504339062500001</c:v>
                </c:pt>
                <c:pt idx="1468">
                  <c:v>46.505310156249998</c:v>
                </c:pt>
                <c:pt idx="1469">
                  <c:v>46.506237109375</c:v>
                </c:pt>
                <c:pt idx="1470">
                  <c:v>46.507208203124996</c:v>
                </c:pt>
                <c:pt idx="1471">
                  <c:v>46.508135156249999</c:v>
                </c:pt>
                <c:pt idx="1472">
                  <c:v>46.509106249999995</c:v>
                </c:pt>
                <c:pt idx="1473">
                  <c:v>46.510033203124998</c:v>
                </c:pt>
                <c:pt idx="1474">
                  <c:v>46.511004296875001</c:v>
                </c:pt>
                <c:pt idx="1475">
                  <c:v>46.511931249999996</c:v>
                </c:pt>
                <c:pt idx="1476">
                  <c:v>46.512858203124999</c:v>
                </c:pt>
                <c:pt idx="1477">
                  <c:v>46.513829296874995</c:v>
                </c:pt>
                <c:pt idx="1478">
                  <c:v>46.514756249999998</c:v>
                </c:pt>
                <c:pt idx="1479">
                  <c:v>46.515727343750001</c:v>
                </c:pt>
                <c:pt idx="1480">
                  <c:v>46.516654296874997</c:v>
                </c:pt>
                <c:pt idx="1481">
                  <c:v>46.517625390625</c:v>
                </c:pt>
                <c:pt idx="1482">
                  <c:v>46.518552343749995</c:v>
                </c:pt>
                <c:pt idx="1483">
                  <c:v>46.519523437499998</c:v>
                </c:pt>
                <c:pt idx="1484">
                  <c:v>46.520450390625001</c:v>
                </c:pt>
                <c:pt idx="1485">
                  <c:v>46.521421484374997</c:v>
                </c:pt>
                <c:pt idx="1486">
                  <c:v>46.5223484375</c:v>
                </c:pt>
                <c:pt idx="1487">
                  <c:v>46.523319531249996</c:v>
                </c:pt>
                <c:pt idx="1488">
                  <c:v>46.524246484374999</c:v>
                </c:pt>
                <c:pt idx="1489">
                  <c:v>46.525173437500001</c:v>
                </c:pt>
                <c:pt idx="1490">
                  <c:v>46.526144531249997</c:v>
                </c:pt>
                <c:pt idx="1491">
                  <c:v>46.527071484375</c:v>
                </c:pt>
                <c:pt idx="1492">
                  <c:v>46.528042578124996</c:v>
                </c:pt>
                <c:pt idx="1493">
                  <c:v>46.528969531249999</c:v>
                </c:pt>
                <c:pt idx="1494">
                  <c:v>46.529940624999995</c:v>
                </c:pt>
                <c:pt idx="1495">
                  <c:v>46.530867578124997</c:v>
                </c:pt>
                <c:pt idx="1496">
                  <c:v>46.531838671875001</c:v>
                </c:pt>
                <c:pt idx="1497">
                  <c:v>46.532765624999996</c:v>
                </c:pt>
                <c:pt idx="1498">
                  <c:v>46.533736718749999</c:v>
                </c:pt>
                <c:pt idx="1499">
                  <c:v>46.534663671874995</c:v>
                </c:pt>
                <c:pt idx="1500">
                  <c:v>46.535634765624998</c:v>
                </c:pt>
                <c:pt idx="1501">
                  <c:v>46.536561718750001</c:v>
                </c:pt>
                <c:pt idx="1502">
                  <c:v>46.537532812499997</c:v>
                </c:pt>
                <c:pt idx="1503">
                  <c:v>46.538459765624999</c:v>
                </c:pt>
                <c:pt idx="1504">
                  <c:v>46.539386718749995</c:v>
                </c:pt>
                <c:pt idx="1505">
                  <c:v>46.540357812499998</c:v>
                </c:pt>
                <c:pt idx="1506">
                  <c:v>46.541284765625001</c:v>
                </c:pt>
                <c:pt idx="1507">
                  <c:v>46.542255859374997</c:v>
                </c:pt>
                <c:pt idx="1508">
                  <c:v>46.5431828125</c:v>
                </c:pt>
                <c:pt idx="1509">
                  <c:v>46.544153906249996</c:v>
                </c:pt>
                <c:pt idx="1510">
                  <c:v>46.545080859374998</c:v>
                </c:pt>
                <c:pt idx="1511">
                  <c:v>46.546051953125001</c:v>
                </c:pt>
                <c:pt idx="1512">
                  <c:v>46.546978906249997</c:v>
                </c:pt>
                <c:pt idx="1513">
                  <c:v>46.54795</c:v>
                </c:pt>
                <c:pt idx="1514">
                  <c:v>46.548876953124996</c:v>
                </c:pt>
                <c:pt idx="1515">
                  <c:v>46.549848046874999</c:v>
                </c:pt>
                <c:pt idx="1516">
                  <c:v>46.550775000000002</c:v>
                </c:pt>
                <c:pt idx="1517">
                  <c:v>46.551701953124997</c:v>
                </c:pt>
                <c:pt idx="1518">
                  <c:v>46.552673046875</c:v>
                </c:pt>
                <c:pt idx="1519">
                  <c:v>46.553599999999996</c:v>
                </c:pt>
                <c:pt idx="1520">
                  <c:v>46.554571093749999</c:v>
                </c:pt>
                <c:pt idx="1521">
                  <c:v>46.555498046875002</c:v>
                </c:pt>
                <c:pt idx="1522">
                  <c:v>46.556469140624998</c:v>
                </c:pt>
                <c:pt idx="1523">
                  <c:v>46.55739609375</c:v>
                </c:pt>
                <c:pt idx="1524">
                  <c:v>46.558367187499996</c:v>
                </c:pt>
                <c:pt idx="1525">
                  <c:v>46.559294140624999</c:v>
                </c:pt>
                <c:pt idx="1526">
                  <c:v>46.560265234374995</c:v>
                </c:pt>
                <c:pt idx="1527">
                  <c:v>46.561192187499998</c:v>
                </c:pt>
                <c:pt idx="1528">
                  <c:v>46.562163281250001</c:v>
                </c:pt>
                <c:pt idx="1529">
                  <c:v>46.563090234374997</c:v>
                </c:pt>
                <c:pt idx="1530">
                  <c:v>46.564061328125</c:v>
                </c:pt>
                <c:pt idx="1531">
                  <c:v>46.564988281249995</c:v>
                </c:pt>
                <c:pt idx="1532">
                  <c:v>46.565915234374998</c:v>
                </c:pt>
                <c:pt idx="1533">
                  <c:v>46.566886328125001</c:v>
                </c:pt>
                <c:pt idx="1534">
                  <c:v>46.567813281249997</c:v>
                </c:pt>
                <c:pt idx="1535">
                  <c:v>46.568784375</c:v>
                </c:pt>
                <c:pt idx="1536">
                  <c:v>46.569711328124995</c:v>
                </c:pt>
                <c:pt idx="1537">
                  <c:v>46.570682421874999</c:v>
                </c:pt>
                <c:pt idx="1538">
                  <c:v>46.571609375000001</c:v>
                </c:pt>
                <c:pt idx="1539">
                  <c:v>46.572580468749997</c:v>
                </c:pt>
                <c:pt idx="1540">
                  <c:v>46.573507421875</c:v>
                </c:pt>
                <c:pt idx="1541">
                  <c:v>46.574478515624996</c:v>
                </c:pt>
                <c:pt idx="1542">
                  <c:v>46.575405468749999</c:v>
                </c:pt>
                <c:pt idx="1543">
                  <c:v>46.576376562500002</c:v>
                </c:pt>
                <c:pt idx="1544">
                  <c:v>46.577303515624997</c:v>
                </c:pt>
                <c:pt idx="1545">
                  <c:v>46.578274609375001</c:v>
                </c:pt>
                <c:pt idx="1546">
                  <c:v>46.579201562499996</c:v>
                </c:pt>
                <c:pt idx="1547">
                  <c:v>46.580128515624999</c:v>
                </c:pt>
                <c:pt idx="1548">
                  <c:v>46.581099609374995</c:v>
                </c:pt>
                <c:pt idx="1549">
                  <c:v>46.582026562499998</c:v>
                </c:pt>
                <c:pt idx="1550">
                  <c:v>46.582997656250001</c:v>
                </c:pt>
                <c:pt idx="1551">
                  <c:v>46.583924609374996</c:v>
                </c:pt>
                <c:pt idx="1552">
                  <c:v>46.584895703124999</c:v>
                </c:pt>
                <c:pt idx="1553">
                  <c:v>46.585822656249995</c:v>
                </c:pt>
                <c:pt idx="1554">
                  <c:v>46.586793749999998</c:v>
                </c:pt>
                <c:pt idx="1555">
                  <c:v>46.587720703125001</c:v>
                </c:pt>
                <c:pt idx="1556">
                  <c:v>46.588691796874997</c:v>
                </c:pt>
                <c:pt idx="1557">
                  <c:v>46.58961875</c:v>
                </c:pt>
                <c:pt idx="1558">
                  <c:v>46.590589843749996</c:v>
                </c:pt>
                <c:pt idx="1559">
                  <c:v>46.591516796874998</c:v>
                </c:pt>
                <c:pt idx="1560">
                  <c:v>46.592443750000001</c:v>
                </c:pt>
                <c:pt idx="1561">
                  <c:v>46.593414843749997</c:v>
                </c:pt>
                <c:pt idx="1562">
                  <c:v>46.594341796875</c:v>
                </c:pt>
                <c:pt idx="1563">
                  <c:v>46.595312890624996</c:v>
                </c:pt>
                <c:pt idx="1564">
                  <c:v>46.596239843749998</c:v>
                </c:pt>
                <c:pt idx="1565">
                  <c:v>46.597210937500002</c:v>
                </c:pt>
                <c:pt idx="1566">
                  <c:v>46.598137890624997</c:v>
                </c:pt>
                <c:pt idx="1567">
                  <c:v>46.599108984375</c:v>
                </c:pt>
                <c:pt idx="1568">
                  <c:v>46.600035937499996</c:v>
                </c:pt>
                <c:pt idx="1569">
                  <c:v>46.601007031249999</c:v>
                </c:pt>
                <c:pt idx="1570">
                  <c:v>46.601933984375002</c:v>
                </c:pt>
                <c:pt idx="1571">
                  <c:v>46.602905078124998</c:v>
                </c:pt>
                <c:pt idx="1572">
                  <c:v>46.603832031250001</c:v>
                </c:pt>
                <c:pt idx="1573">
                  <c:v>46.604803124999997</c:v>
                </c:pt>
                <c:pt idx="1574">
                  <c:v>46.605730078124999</c:v>
                </c:pt>
                <c:pt idx="1575">
                  <c:v>46.606657031249995</c:v>
                </c:pt>
                <c:pt idx="1576">
                  <c:v>46.607628124999998</c:v>
                </c:pt>
                <c:pt idx="1577">
                  <c:v>46.608555078125001</c:v>
                </c:pt>
                <c:pt idx="1578">
                  <c:v>46.609526171874997</c:v>
                </c:pt>
                <c:pt idx="1579">
                  <c:v>46.610453124999999</c:v>
                </c:pt>
                <c:pt idx="1580">
                  <c:v>46.611424218749995</c:v>
                </c:pt>
                <c:pt idx="1581">
                  <c:v>46.612351171874998</c:v>
                </c:pt>
                <c:pt idx="1582">
                  <c:v>46.613322265625001</c:v>
                </c:pt>
                <c:pt idx="1583">
                  <c:v>46.614249218749997</c:v>
                </c:pt>
                <c:pt idx="1584">
                  <c:v>46.6152203125</c:v>
                </c:pt>
                <c:pt idx="1585">
                  <c:v>46.616147265624996</c:v>
                </c:pt>
                <c:pt idx="1586">
                  <c:v>46.617118359374999</c:v>
                </c:pt>
                <c:pt idx="1587">
                  <c:v>46.618045312500001</c:v>
                </c:pt>
                <c:pt idx="1588">
                  <c:v>46.618972265624997</c:v>
                </c:pt>
                <c:pt idx="1589">
                  <c:v>46.619943359375</c:v>
                </c:pt>
                <c:pt idx="1590">
                  <c:v>46.620870312499996</c:v>
                </c:pt>
                <c:pt idx="1591">
                  <c:v>46.621841406249999</c:v>
                </c:pt>
                <c:pt idx="1592">
                  <c:v>46.622768359375002</c:v>
                </c:pt>
                <c:pt idx="1593">
                  <c:v>46.623739453124998</c:v>
                </c:pt>
                <c:pt idx="1594">
                  <c:v>46.62466640625</c:v>
                </c:pt>
                <c:pt idx="1595">
                  <c:v>46.625637499999996</c:v>
                </c:pt>
                <c:pt idx="1596">
                  <c:v>46.626564453124999</c:v>
                </c:pt>
                <c:pt idx="1597">
                  <c:v>46.627535546874995</c:v>
                </c:pt>
                <c:pt idx="1598">
                  <c:v>46.628462499999998</c:v>
                </c:pt>
                <c:pt idx="1599">
                  <c:v>46.629433593750001</c:v>
                </c:pt>
                <c:pt idx="1600">
                  <c:v>46.630360546874996</c:v>
                </c:pt>
                <c:pt idx="1601">
                  <c:v>46.631331640625</c:v>
                </c:pt>
                <c:pt idx="1602">
                  <c:v>46.632258593749995</c:v>
                </c:pt>
                <c:pt idx="1603">
                  <c:v>46.633185546874998</c:v>
                </c:pt>
                <c:pt idx="1604">
                  <c:v>46.634156640625001</c:v>
                </c:pt>
                <c:pt idx="1605">
                  <c:v>46.635083593749997</c:v>
                </c:pt>
                <c:pt idx="1606">
                  <c:v>46.6360546875</c:v>
                </c:pt>
                <c:pt idx="1607">
                  <c:v>46.636981640624995</c:v>
                </c:pt>
                <c:pt idx="1608">
                  <c:v>46.637952734374998</c:v>
                </c:pt>
                <c:pt idx="1609">
                  <c:v>46.638879687500001</c:v>
                </c:pt>
                <c:pt idx="1610">
                  <c:v>46.639850781249997</c:v>
                </c:pt>
                <c:pt idx="1611">
                  <c:v>46.640777734375</c:v>
                </c:pt>
                <c:pt idx="1612">
                  <c:v>46.641748828124996</c:v>
                </c:pt>
                <c:pt idx="1613">
                  <c:v>46.642675781249999</c:v>
                </c:pt>
                <c:pt idx="1614">
                  <c:v>46.643646875000002</c:v>
                </c:pt>
                <c:pt idx="1615">
                  <c:v>46.644573828124997</c:v>
                </c:pt>
                <c:pt idx="1616">
                  <c:v>46.645544921875</c:v>
                </c:pt>
                <c:pt idx="1617">
                  <c:v>46.646471874999996</c:v>
                </c:pt>
                <c:pt idx="1618">
                  <c:v>46.647398828124999</c:v>
                </c:pt>
                <c:pt idx="1619">
                  <c:v>46.648369921875002</c:v>
                </c:pt>
                <c:pt idx="1620">
                  <c:v>46.649296874999997</c:v>
                </c:pt>
                <c:pt idx="1621">
                  <c:v>46.650267968750001</c:v>
                </c:pt>
                <c:pt idx="1622">
                  <c:v>46.651194921874996</c:v>
                </c:pt>
                <c:pt idx="1623">
                  <c:v>46.652166015624999</c:v>
                </c:pt>
                <c:pt idx="1624">
                  <c:v>46.653092968750002</c:v>
                </c:pt>
                <c:pt idx="1625">
                  <c:v>46.654064062499998</c:v>
                </c:pt>
                <c:pt idx="1626">
                  <c:v>46.654991015625001</c:v>
                </c:pt>
                <c:pt idx="1627">
                  <c:v>46.655962109374997</c:v>
                </c:pt>
                <c:pt idx="1628">
                  <c:v>46.656889062499999</c:v>
                </c:pt>
                <c:pt idx="1629">
                  <c:v>46.657860156249995</c:v>
                </c:pt>
                <c:pt idx="1630">
                  <c:v>46.658787109374998</c:v>
                </c:pt>
                <c:pt idx="1631">
                  <c:v>46.659714062500001</c:v>
                </c:pt>
                <c:pt idx="1632">
                  <c:v>46.660685156249997</c:v>
                </c:pt>
                <c:pt idx="1633">
                  <c:v>46.661612109375</c:v>
                </c:pt>
                <c:pt idx="1634">
                  <c:v>46.662583203124996</c:v>
                </c:pt>
                <c:pt idx="1635">
                  <c:v>46.663510156249998</c:v>
                </c:pt>
                <c:pt idx="1636">
                  <c:v>46.664481250000001</c:v>
                </c:pt>
                <c:pt idx="1637">
                  <c:v>46.665408203124997</c:v>
                </c:pt>
                <c:pt idx="1638">
                  <c:v>46.666379296875</c:v>
                </c:pt>
                <c:pt idx="1639">
                  <c:v>46.667306249999996</c:v>
                </c:pt>
                <c:pt idx="1640">
                  <c:v>46.668277343749999</c:v>
                </c:pt>
                <c:pt idx="1641">
                  <c:v>46.669204296875002</c:v>
                </c:pt>
                <c:pt idx="1642">
                  <c:v>46.670175390624998</c:v>
                </c:pt>
                <c:pt idx="1643">
                  <c:v>46.67110234375</c:v>
                </c:pt>
                <c:pt idx="1644">
                  <c:v>46.672073437499996</c:v>
                </c:pt>
                <c:pt idx="1645">
                  <c:v>46.673000390624999</c:v>
                </c:pt>
                <c:pt idx="1646">
                  <c:v>46.673927343750002</c:v>
                </c:pt>
                <c:pt idx="1647">
                  <c:v>46.674898437499998</c:v>
                </c:pt>
                <c:pt idx="1648">
                  <c:v>46.675825390625</c:v>
                </c:pt>
                <c:pt idx="1649">
                  <c:v>46.676796484374997</c:v>
                </c:pt>
                <c:pt idx="1650">
                  <c:v>46.677723437499999</c:v>
                </c:pt>
                <c:pt idx="1651">
                  <c:v>46.678694531249995</c:v>
                </c:pt>
                <c:pt idx="1652">
                  <c:v>46.679621484374998</c:v>
                </c:pt>
                <c:pt idx="1653">
                  <c:v>46.680592578125001</c:v>
                </c:pt>
                <c:pt idx="1654">
                  <c:v>46.681519531249997</c:v>
                </c:pt>
                <c:pt idx="1655">
                  <c:v>46.682490625</c:v>
                </c:pt>
                <c:pt idx="1656">
                  <c:v>46.683417578124995</c:v>
                </c:pt>
                <c:pt idx="1657">
                  <c:v>46.684388671874999</c:v>
                </c:pt>
                <c:pt idx="1658">
                  <c:v>46.685315625000001</c:v>
                </c:pt>
                <c:pt idx="1659">
                  <c:v>46.686242578124997</c:v>
                </c:pt>
                <c:pt idx="1660">
                  <c:v>46.687213671875</c:v>
                </c:pt>
                <c:pt idx="1661">
                  <c:v>46.688140624999996</c:v>
                </c:pt>
                <c:pt idx="1662">
                  <c:v>46.689111718749999</c:v>
                </c:pt>
                <c:pt idx="1663">
                  <c:v>46.690038671875001</c:v>
                </c:pt>
                <c:pt idx="1664">
                  <c:v>46.691009765624997</c:v>
                </c:pt>
                <c:pt idx="1665">
                  <c:v>46.69193671875</c:v>
                </c:pt>
                <c:pt idx="1666">
                  <c:v>46.692907812499996</c:v>
                </c:pt>
                <c:pt idx="1667">
                  <c:v>46.693834765624999</c:v>
                </c:pt>
                <c:pt idx="1668">
                  <c:v>46.694805859374995</c:v>
                </c:pt>
                <c:pt idx="1669">
                  <c:v>46.695732812499998</c:v>
                </c:pt>
                <c:pt idx="1670">
                  <c:v>46.696703906250001</c:v>
                </c:pt>
                <c:pt idx="1671">
                  <c:v>46.697630859374996</c:v>
                </c:pt>
                <c:pt idx="1672">
                  <c:v>46.698601953124999</c:v>
                </c:pt>
                <c:pt idx="1673">
                  <c:v>46.699528906249995</c:v>
                </c:pt>
                <c:pt idx="1674">
                  <c:v>46.700455859374998</c:v>
                </c:pt>
                <c:pt idx="1675">
                  <c:v>46.701426953125001</c:v>
                </c:pt>
                <c:pt idx="1676">
                  <c:v>46.702353906249996</c:v>
                </c:pt>
                <c:pt idx="1677">
                  <c:v>46.703325</c:v>
                </c:pt>
                <c:pt idx="1678">
                  <c:v>46.704251953124995</c:v>
                </c:pt>
                <c:pt idx="1679">
                  <c:v>46.705223046874998</c:v>
                </c:pt>
                <c:pt idx="1680">
                  <c:v>46.706150000000001</c:v>
                </c:pt>
                <c:pt idx="1681">
                  <c:v>46.707121093749997</c:v>
                </c:pt>
                <c:pt idx="1682">
                  <c:v>46.708048046875</c:v>
                </c:pt>
                <c:pt idx="1683">
                  <c:v>46.709019140624996</c:v>
                </c:pt>
                <c:pt idx="1684">
                  <c:v>46.709946093749998</c:v>
                </c:pt>
                <c:pt idx="1685">
                  <c:v>46.710917187500002</c:v>
                </c:pt>
                <c:pt idx="1686">
                  <c:v>46.711844140624997</c:v>
                </c:pt>
                <c:pt idx="1687">
                  <c:v>46.712815234375</c:v>
                </c:pt>
                <c:pt idx="1688">
                  <c:v>46.713742187499996</c:v>
                </c:pt>
                <c:pt idx="1689">
                  <c:v>46.714669140624999</c:v>
                </c:pt>
                <c:pt idx="1690">
                  <c:v>46.715640234375002</c:v>
                </c:pt>
                <c:pt idx="1691">
                  <c:v>46.716567187499997</c:v>
                </c:pt>
                <c:pt idx="1692">
                  <c:v>46.71753828125</c:v>
                </c:pt>
                <c:pt idx="1693">
                  <c:v>46.718465234374996</c:v>
                </c:pt>
                <c:pt idx="1694">
                  <c:v>46.719436328124999</c:v>
                </c:pt>
                <c:pt idx="1695">
                  <c:v>46.720363281250002</c:v>
                </c:pt>
                <c:pt idx="1696">
                  <c:v>46.721334374999998</c:v>
                </c:pt>
                <c:pt idx="1697">
                  <c:v>46.722261328125001</c:v>
                </c:pt>
                <c:pt idx="1698">
                  <c:v>46.723232421874997</c:v>
                </c:pt>
                <c:pt idx="1699">
                  <c:v>46.724159374999999</c:v>
                </c:pt>
                <c:pt idx="1700">
                  <c:v>46.725130468749995</c:v>
                </c:pt>
                <c:pt idx="1701">
                  <c:v>46.726057421874998</c:v>
                </c:pt>
                <c:pt idx="1702">
                  <c:v>46.726984375000001</c:v>
                </c:pt>
                <c:pt idx="1703">
                  <c:v>46.727955468749997</c:v>
                </c:pt>
                <c:pt idx="1704">
                  <c:v>46.728882421874999</c:v>
                </c:pt>
                <c:pt idx="1705">
                  <c:v>46.729853515624995</c:v>
                </c:pt>
                <c:pt idx="1706">
                  <c:v>46.730780468749998</c:v>
                </c:pt>
                <c:pt idx="1707">
                  <c:v>46.731751562500001</c:v>
                </c:pt>
                <c:pt idx="1708">
                  <c:v>46.732678515624997</c:v>
                </c:pt>
                <c:pt idx="1709">
                  <c:v>46.733649609375</c:v>
                </c:pt>
                <c:pt idx="1710">
                  <c:v>46.734576562499996</c:v>
                </c:pt>
                <c:pt idx="1711">
                  <c:v>46.735547656249999</c:v>
                </c:pt>
                <c:pt idx="1712">
                  <c:v>46.736474609375001</c:v>
                </c:pt>
                <c:pt idx="1713">
                  <c:v>46.737445703124997</c:v>
                </c:pt>
                <c:pt idx="1714">
                  <c:v>46.73837265625</c:v>
                </c:pt>
                <c:pt idx="1715">
                  <c:v>46.739343749999996</c:v>
                </c:pt>
                <c:pt idx="1716">
                  <c:v>46.740270703124999</c:v>
                </c:pt>
                <c:pt idx="1717">
                  <c:v>46.741197656250002</c:v>
                </c:pt>
                <c:pt idx="1718">
                  <c:v>46.742168749999998</c:v>
                </c:pt>
                <c:pt idx="1719">
                  <c:v>46.743095703125</c:v>
                </c:pt>
                <c:pt idx="1720">
                  <c:v>46.744066796874996</c:v>
                </c:pt>
                <c:pt idx="1721">
                  <c:v>46.744993749999999</c:v>
                </c:pt>
                <c:pt idx="1722">
                  <c:v>46.745964843750002</c:v>
                </c:pt>
                <c:pt idx="1723">
                  <c:v>46.746891796874998</c:v>
                </c:pt>
                <c:pt idx="1724">
                  <c:v>46.747862890625001</c:v>
                </c:pt>
                <c:pt idx="1725">
                  <c:v>46.748789843749996</c:v>
                </c:pt>
                <c:pt idx="1726">
                  <c:v>46.7497609375</c:v>
                </c:pt>
                <c:pt idx="1727">
                  <c:v>46.750687890624995</c:v>
                </c:pt>
                <c:pt idx="1728">
                  <c:v>46.751658984374998</c:v>
                </c:pt>
                <c:pt idx="1729">
                  <c:v>46.752585937500001</c:v>
                </c:pt>
                <c:pt idx="1730">
                  <c:v>46.753512890624997</c:v>
                </c:pt>
                <c:pt idx="1731">
                  <c:v>46.754483984375</c:v>
                </c:pt>
                <c:pt idx="1732">
                  <c:v>46.755410937499995</c:v>
                </c:pt>
                <c:pt idx="1733">
                  <c:v>46.756382031249998</c:v>
                </c:pt>
                <c:pt idx="1734">
                  <c:v>46.757308984375001</c:v>
                </c:pt>
                <c:pt idx="1735">
                  <c:v>46.758280078124997</c:v>
                </c:pt>
                <c:pt idx="1736">
                  <c:v>46.75920703125</c:v>
                </c:pt>
                <c:pt idx="1737">
                  <c:v>46.760178124999996</c:v>
                </c:pt>
                <c:pt idx="1738">
                  <c:v>46.761105078124999</c:v>
                </c:pt>
                <c:pt idx="1739">
                  <c:v>46.762076171875002</c:v>
                </c:pt>
                <c:pt idx="1740">
                  <c:v>46.763003124999997</c:v>
                </c:pt>
                <c:pt idx="1741">
                  <c:v>46.76397421875</c:v>
                </c:pt>
                <c:pt idx="1742">
                  <c:v>46.764901171874996</c:v>
                </c:pt>
                <c:pt idx="1743">
                  <c:v>46.765872265624999</c:v>
                </c:pt>
                <c:pt idx="1744">
                  <c:v>46.766799218750002</c:v>
                </c:pt>
                <c:pt idx="1745">
                  <c:v>46.767726171874997</c:v>
                </c:pt>
                <c:pt idx="1746">
                  <c:v>46.768697265625001</c:v>
                </c:pt>
                <c:pt idx="1747">
                  <c:v>46.769624218749996</c:v>
                </c:pt>
                <c:pt idx="1748">
                  <c:v>46.770595312499999</c:v>
                </c:pt>
                <c:pt idx="1749">
                  <c:v>46.771522265624995</c:v>
                </c:pt>
                <c:pt idx="1750">
                  <c:v>46.772493359374998</c:v>
                </c:pt>
                <c:pt idx="1751">
                  <c:v>46.773420312500001</c:v>
                </c:pt>
                <c:pt idx="1752">
                  <c:v>46.774391406249997</c:v>
                </c:pt>
                <c:pt idx="1753">
                  <c:v>46.775318359374999</c:v>
                </c:pt>
                <c:pt idx="1754">
                  <c:v>46.776289453124996</c:v>
                </c:pt>
                <c:pt idx="1755">
                  <c:v>46.777216406249998</c:v>
                </c:pt>
                <c:pt idx="1756">
                  <c:v>46.778187500000001</c:v>
                </c:pt>
                <c:pt idx="1757">
                  <c:v>46.779114453124997</c:v>
                </c:pt>
                <c:pt idx="1758">
                  <c:v>46.780085546875</c:v>
                </c:pt>
                <c:pt idx="1759">
                  <c:v>46.781012499999996</c:v>
                </c:pt>
                <c:pt idx="1760">
                  <c:v>46.781939453124998</c:v>
                </c:pt>
                <c:pt idx="1761">
                  <c:v>46.782910546875002</c:v>
                </c:pt>
                <c:pt idx="1762">
                  <c:v>46.783837499999997</c:v>
                </c:pt>
                <c:pt idx="1763">
                  <c:v>46.78480859375</c:v>
                </c:pt>
                <c:pt idx="1764">
                  <c:v>46.785735546874996</c:v>
                </c:pt>
                <c:pt idx="1765">
                  <c:v>46.786706640624999</c:v>
                </c:pt>
                <c:pt idx="1766">
                  <c:v>46.787633593750002</c:v>
                </c:pt>
                <c:pt idx="1767">
                  <c:v>46.788604687499998</c:v>
                </c:pt>
                <c:pt idx="1768">
                  <c:v>46.789531640625</c:v>
                </c:pt>
                <c:pt idx="1769">
                  <c:v>46.790502734374996</c:v>
                </c:pt>
                <c:pt idx="1770">
                  <c:v>46.791429687499999</c:v>
                </c:pt>
                <c:pt idx="1771">
                  <c:v>46.792400781249995</c:v>
                </c:pt>
                <c:pt idx="1772">
                  <c:v>46.793327734374998</c:v>
                </c:pt>
                <c:pt idx="1773">
                  <c:v>46.794254687500001</c:v>
                </c:pt>
                <c:pt idx="1774">
                  <c:v>46.795225781249997</c:v>
                </c:pt>
                <c:pt idx="1775">
                  <c:v>46.796152734374999</c:v>
                </c:pt>
                <c:pt idx="1776">
                  <c:v>46.797123828124995</c:v>
                </c:pt>
                <c:pt idx="1777">
                  <c:v>46.798050781249998</c:v>
                </c:pt>
                <c:pt idx="1778">
                  <c:v>46.799021875000001</c:v>
                </c:pt>
                <c:pt idx="1779">
                  <c:v>46.799948828124997</c:v>
                </c:pt>
                <c:pt idx="1780">
                  <c:v>46.800919921875</c:v>
                </c:pt>
                <c:pt idx="1781">
                  <c:v>46.801846874999995</c:v>
                </c:pt>
                <c:pt idx="1782">
                  <c:v>46.802817968749999</c:v>
                </c:pt>
                <c:pt idx="1783">
                  <c:v>46.803744921875001</c:v>
                </c:pt>
                <c:pt idx="1784">
                  <c:v>46.804716015624997</c:v>
                </c:pt>
                <c:pt idx="1785">
                  <c:v>46.80564296875</c:v>
                </c:pt>
                <c:pt idx="1786">
                  <c:v>46.806614062499996</c:v>
                </c:pt>
                <c:pt idx="1787">
                  <c:v>46.807541015624999</c:v>
                </c:pt>
                <c:pt idx="1788">
                  <c:v>46.808467968750001</c:v>
                </c:pt>
                <c:pt idx="1789">
                  <c:v>46.809439062499997</c:v>
                </c:pt>
                <c:pt idx="1790">
                  <c:v>46.810366015625</c:v>
                </c:pt>
                <c:pt idx="1791">
                  <c:v>46.811337109374996</c:v>
                </c:pt>
                <c:pt idx="1792">
                  <c:v>46.812264062499999</c:v>
                </c:pt>
                <c:pt idx="1793">
                  <c:v>46.813235156250002</c:v>
                </c:pt>
                <c:pt idx="1794">
                  <c:v>46.814162109374998</c:v>
                </c:pt>
                <c:pt idx="1795">
                  <c:v>46.815133203125001</c:v>
                </c:pt>
                <c:pt idx="1796">
                  <c:v>46.816060156249996</c:v>
                </c:pt>
                <c:pt idx="1797">
                  <c:v>46.817031249999999</c:v>
                </c:pt>
                <c:pt idx="1798">
                  <c:v>46.817958203125002</c:v>
                </c:pt>
                <c:pt idx="1799">
                  <c:v>46.818929296874998</c:v>
                </c:pt>
                <c:pt idx="1800">
                  <c:v>46.819856250000001</c:v>
                </c:pt>
                <c:pt idx="1801">
                  <c:v>46.820783203124996</c:v>
                </c:pt>
                <c:pt idx="1802">
                  <c:v>46.821754296875</c:v>
                </c:pt>
                <c:pt idx="1803">
                  <c:v>46.822681250000002</c:v>
                </c:pt>
                <c:pt idx="1804">
                  <c:v>46.823652343749998</c:v>
                </c:pt>
                <c:pt idx="1805">
                  <c:v>46.824579296875001</c:v>
                </c:pt>
                <c:pt idx="1806">
                  <c:v>46.825550390624997</c:v>
                </c:pt>
                <c:pt idx="1807">
                  <c:v>46.82647734375</c:v>
                </c:pt>
                <c:pt idx="1808">
                  <c:v>46.827448437499996</c:v>
                </c:pt>
                <c:pt idx="1809">
                  <c:v>46.828375390624998</c:v>
                </c:pt>
                <c:pt idx="1810">
                  <c:v>46.829346484375002</c:v>
                </c:pt>
                <c:pt idx="1811">
                  <c:v>46.830273437499997</c:v>
                </c:pt>
                <c:pt idx="1812">
                  <c:v>46.83124453125</c:v>
                </c:pt>
                <c:pt idx="1813">
                  <c:v>46.832171484374996</c:v>
                </c:pt>
                <c:pt idx="1814">
                  <c:v>46.833142578124999</c:v>
                </c:pt>
                <c:pt idx="1815">
                  <c:v>46.834069531250002</c:v>
                </c:pt>
                <c:pt idx="1816">
                  <c:v>46.834996484374997</c:v>
                </c:pt>
                <c:pt idx="1817">
                  <c:v>46.835967578125</c:v>
                </c:pt>
                <c:pt idx="1818">
                  <c:v>46.836894531249996</c:v>
                </c:pt>
                <c:pt idx="1819">
                  <c:v>46.837865624999999</c:v>
                </c:pt>
                <c:pt idx="1820">
                  <c:v>46.838792578125002</c:v>
                </c:pt>
                <c:pt idx="1821">
                  <c:v>46.839763671874998</c:v>
                </c:pt>
                <c:pt idx="1822">
                  <c:v>46.840690625000001</c:v>
                </c:pt>
                <c:pt idx="1823">
                  <c:v>46.841661718749997</c:v>
                </c:pt>
                <c:pt idx="1824">
                  <c:v>46.842588671874999</c:v>
                </c:pt>
                <c:pt idx="1825">
                  <c:v>46.843559765624995</c:v>
                </c:pt>
                <c:pt idx="1826">
                  <c:v>46.844486718749998</c:v>
                </c:pt>
                <c:pt idx="1827">
                  <c:v>46.845457812500001</c:v>
                </c:pt>
                <c:pt idx="1828">
                  <c:v>46.846384765624997</c:v>
                </c:pt>
                <c:pt idx="1829">
                  <c:v>46.847355859375</c:v>
                </c:pt>
                <c:pt idx="1830">
                  <c:v>46.848282812499995</c:v>
                </c:pt>
                <c:pt idx="1831">
                  <c:v>46.849209765624998</c:v>
                </c:pt>
                <c:pt idx="1832">
                  <c:v>46.850180859375001</c:v>
                </c:pt>
                <c:pt idx="1833">
                  <c:v>46.851107812499997</c:v>
                </c:pt>
                <c:pt idx="1834">
                  <c:v>46.85207890625</c:v>
                </c:pt>
                <c:pt idx="1835">
                  <c:v>46.853005859374996</c:v>
                </c:pt>
                <c:pt idx="1836">
                  <c:v>46.853976953124999</c:v>
                </c:pt>
                <c:pt idx="1837">
                  <c:v>46.854903906250001</c:v>
                </c:pt>
                <c:pt idx="1838">
                  <c:v>46.855874999999997</c:v>
                </c:pt>
                <c:pt idx="1839">
                  <c:v>46.856801953125</c:v>
                </c:pt>
                <c:pt idx="1840">
                  <c:v>46.857773046874996</c:v>
                </c:pt>
                <c:pt idx="1841">
                  <c:v>46.858699999999999</c:v>
                </c:pt>
                <c:pt idx="1842">
                  <c:v>46.859671093750002</c:v>
                </c:pt>
                <c:pt idx="1843">
                  <c:v>46.860598046874998</c:v>
                </c:pt>
                <c:pt idx="1844">
                  <c:v>46.861525</c:v>
                </c:pt>
                <c:pt idx="1845">
                  <c:v>46.862496093749996</c:v>
                </c:pt>
                <c:pt idx="1846">
                  <c:v>46.863423046874999</c:v>
                </c:pt>
                <c:pt idx="1847">
                  <c:v>46.864394140624995</c:v>
                </c:pt>
                <c:pt idx="1848">
                  <c:v>46.865321093749998</c:v>
                </c:pt>
                <c:pt idx="1849">
                  <c:v>46.866292187500001</c:v>
                </c:pt>
                <c:pt idx="1850">
                  <c:v>46.867219140624996</c:v>
                </c:pt>
                <c:pt idx="1851">
                  <c:v>46.868190234375</c:v>
                </c:pt>
                <c:pt idx="1852">
                  <c:v>46.869117187499995</c:v>
                </c:pt>
                <c:pt idx="1853">
                  <c:v>46.870088281249998</c:v>
                </c:pt>
                <c:pt idx="1854">
                  <c:v>46.871015234375001</c:v>
                </c:pt>
                <c:pt idx="1855">
                  <c:v>46.871986328124997</c:v>
                </c:pt>
                <c:pt idx="1856">
                  <c:v>46.87291328125</c:v>
                </c:pt>
                <c:pt idx="1857">
                  <c:v>46.873884374999996</c:v>
                </c:pt>
                <c:pt idx="1858">
                  <c:v>46.874811328124999</c:v>
                </c:pt>
                <c:pt idx="1859">
                  <c:v>46.875738281250001</c:v>
                </c:pt>
                <c:pt idx="1860">
                  <c:v>46.876709374999997</c:v>
                </c:pt>
                <c:pt idx="1861">
                  <c:v>46.877636328125</c:v>
                </c:pt>
                <c:pt idx="1862">
                  <c:v>46.878607421874996</c:v>
                </c:pt>
                <c:pt idx="1863">
                  <c:v>46.879534374999999</c:v>
                </c:pt>
                <c:pt idx="1864">
                  <c:v>46.880505468750002</c:v>
                </c:pt>
                <c:pt idx="1865">
                  <c:v>46.881432421874997</c:v>
                </c:pt>
                <c:pt idx="1866">
                  <c:v>46.882403515625001</c:v>
                </c:pt>
                <c:pt idx="1867">
                  <c:v>46.883330468749996</c:v>
                </c:pt>
                <c:pt idx="1868">
                  <c:v>46.884301562499999</c:v>
                </c:pt>
                <c:pt idx="1869">
                  <c:v>46.885228515625002</c:v>
                </c:pt>
                <c:pt idx="1870">
                  <c:v>46.886199609374998</c:v>
                </c:pt>
                <c:pt idx="1871">
                  <c:v>46.887126562500001</c:v>
                </c:pt>
                <c:pt idx="1872">
                  <c:v>46.888053515624996</c:v>
                </c:pt>
                <c:pt idx="1873">
                  <c:v>46.889024609374999</c:v>
                </c:pt>
                <c:pt idx="1874">
                  <c:v>46.889951562500002</c:v>
                </c:pt>
                <c:pt idx="1875">
                  <c:v>46.890922656249998</c:v>
                </c:pt>
                <c:pt idx="1876">
                  <c:v>46.891849609375001</c:v>
                </c:pt>
                <c:pt idx="1877">
                  <c:v>46.892820703124997</c:v>
                </c:pt>
                <c:pt idx="1878">
                  <c:v>46.89374765625</c:v>
                </c:pt>
                <c:pt idx="1879">
                  <c:v>46.894718749999996</c:v>
                </c:pt>
                <c:pt idx="1880">
                  <c:v>46.895645703124998</c:v>
                </c:pt>
                <c:pt idx="1881">
                  <c:v>46.896616796875001</c:v>
                </c:pt>
                <c:pt idx="1882">
                  <c:v>46.897543749999997</c:v>
                </c:pt>
                <c:pt idx="1883">
                  <c:v>46.89851484375</c:v>
                </c:pt>
                <c:pt idx="1884">
                  <c:v>46.899441796874996</c:v>
                </c:pt>
                <c:pt idx="1885">
                  <c:v>46.900412890624999</c:v>
                </c:pt>
                <c:pt idx="1886">
                  <c:v>46.901339843750002</c:v>
                </c:pt>
                <c:pt idx="1887">
                  <c:v>46.902266796874997</c:v>
                </c:pt>
                <c:pt idx="1888">
                  <c:v>46.903237890625</c:v>
                </c:pt>
                <c:pt idx="1889">
                  <c:v>46.904164843749996</c:v>
                </c:pt>
                <c:pt idx="1890">
                  <c:v>46.905135937499999</c:v>
                </c:pt>
                <c:pt idx="1891">
                  <c:v>46.906062890625002</c:v>
                </c:pt>
                <c:pt idx="1892">
                  <c:v>46.907033984374998</c:v>
                </c:pt>
                <c:pt idx="1893">
                  <c:v>46.9079609375</c:v>
                </c:pt>
                <c:pt idx="1894">
                  <c:v>46.908932031249996</c:v>
                </c:pt>
                <c:pt idx="1895">
                  <c:v>46.909858984374999</c:v>
                </c:pt>
                <c:pt idx="1896">
                  <c:v>46.910830078125002</c:v>
                </c:pt>
                <c:pt idx="1897">
                  <c:v>46.911757031249998</c:v>
                </c:pt>
                <c:pt idx="1898">
                  <c:v>46.912728125000001</c:v>
                </c:pt>
                <c:pt idx="1899">
                  <c:v>46.913655078124997</c:v>
                </c:pt>
                <c:pt idx="1900">
                  <c:v>46.914626171875</c:v>
                </c:pt>
                <c:pt idx="1901">
                  <c:v>46.915553125000002</c:v>
                </c:pt>
                <c:pt idx="1902">
                  <c:v>46.916480078124998</c:v>
                </c:pt>
                <c:pt idx="1903">
                  <c:v>46.917451171875001</c:v>
                </c:pt>
                <c:pt idx="1904">
                  <c:v>46.918378124999997</c:v>
                </c:pt>
                <c:pt idx="1905">
                  <c:v>46.91934921875</c:v>
                </c:pt>
                <c:pt idx="1906">
                  <c:v>46.920276171874995</c:v>
                </c:pt>
                <c:pt idx="1907">
                  <c:v>46.921247265624999</c:v>
                </c:pt>
                <c:pt idx="1908">
                  <c:v>46.922174218750001</c:v>
                </c:pt>
                <c:pt idx="1909">
                  <c:v>46.923145312499997</c:v>
                </c:pt>
                <c:pt idx="1910">
                  <c:v>46.924072265625</c:v>
                </c:pt>
                <c:pt idx="1911">
                  <c:v>46.925043359374996</c:v>
                </c:pt>
                <c:pt idx="1912">
                  <c:v>46.925970312499999</c:v>
                </c:pt>
                <c:pt idx="1913">
                  <c:v>46.926941406250002</c:v>
                </c:pt>
                <c:pt idx="1914">
                  <c:v>46.927868359374997</c:v>
                </c:pt>
                <c:pt idx="1915">
                  <c:v>46.9287953125</c:v>
                </c:pt>
                <c:pt idx="1916">
                  <c:v>46.929766406249996</c:v>
                </c:pt>
                <c:pt idx="1917">
                  <c:v>46.930693359374999</c:v>
                </c:pt>
                <c:pt idx="1918">
                  <c:v>46.931664453125002</c:v>
                </c:pt>
                <c:pt idx="1919">
                  <c:v>46.932591406249998</c:v>
                </c:pt>
                <c:pt idx="1920">
                  <c:v>46.933562500000001</c:v>
                </c:pt>
                <c:pt idx="1921">
                  <c:v>46.934489453124996</c:v>
                </c:pt>
                <c:pt idx="1922">
                  <c:v>46.935460546874999</c:v>
                </c:pt>
                <c:pt idx="1923">
                  <c:v>46.936387500000002</c:v>
                </c:pt>
                <c:pt idx="1924">
                  <c:v>46.937358593749998</c:v>
                </c:pt>
                <c:pt idx="1925">
                  <c:v>46.938285546875001</c:v>
                </c:pt>
                <c:pt idx="1926">
                  <c:v>46.939256640624997</c:v>
                </c:pt>
                <c:pt idx="1927">
                  <c:v>46.94018359375</c:v>
                </c:pt>
                <c:pt idx="1928">
                  <c:v>46.941154687499996</c:v>
                </c:pt>
                <c:pt idx="1929">
                  <c:v>46.942081640624998</c:v>
                </c:pt>
                <c:pt idx="1930">
                  <c:v>46.943008593750001</c:v>
                </c:pt>
                <c:pt idx="1931">
                  <c:v>46.943979687499997</c:v>
                </c:pt>
                <c:pt idx="1932">
                  <c:v>46.944906640625</c:v>
                </c:pt>
                <c:pt idx="1933">
                  <c:v>46.945877734374996</c:v>
                </c:pt>
                <c:pt idx="1934">
                  <c:v>46.946804687499998</c:v>
                </c:pt>
                <c:pt idx="1935">
                  <c:v>46.947775781250002</c:v>
                </c:pt>
                <c:pt idx="1936">
                  <c:v>46.948702734374997</c:v>
                </c:pt>
                <c:pt idx="1937">
                  <c:v>46.949673828125</c:v>
                </c:pt>
                <c:pt idx="1938">
                  <c:v>46.950600781249996</c:v>
                </c:pt>
                <c:pt idx="1939">
                  <c:v>46.951571874999999</c:v>
                </c:pt>
                <c:pt idx="1940">
                  <c:v>46.952498828125002</c:v>
                </c:pt>
                <c:pt idx="1941">
                  <c:v>46.953469921874998</c:v>
                </c:pt>
                <c:pt idx="1942">
                  <c:v>46.954396875</c:v>
                </c:pt>
                <c:pt idx="1943">
                  <c:v>46.955323828124996</c:v>
                </c:pt>
                <c:pt idx="1944">
                  <c:v>46.956294921874999</c:v>
                </c:pt>
                <c:pt idx="1945">
                  <c:v>46.957221875000002</c:v>
                </c:pt>
                <c:pt idx="1946">
                  <c:v>46.958192968749998</c:v>
                </c:pt>
                <c:pt idx="1947">
                  <c:v>46.959119921875001</c:v>
                </c:pt>
                <c:pt idx="1948">
                  <c:v>46.960091015624997</c:v>
                </c:pt>
                <c:pt idx="1949">
                  <c:v>46.961017968749999</c:v>
                </c:pt>
                <c:pt idx="1950">
                  <c:v>46.961989062499995</c:v>
                </c:pt>
                <c:pt idx="1951">
                  <c:v>46.962916015624998</c:v>
                </c:pt>
                <c:pt idx="1952">
                  <c:v>46.963887109375001</c:v>
                </c:pt>
                <c:pt idx="1953">
                  <c:v>46.964814062499997</c:v>
                </c:pt>
                <c:pt idx="1954">
                  <c:v>46.96578515625</c:v>
                </c:pt>
                <c:pt idx="1955">
                  <c:v>46.966712109374996</c:v>
                </c:pt>
                <c:pt idx="1956">
                  <c:v>46.967683203124999</c:v>
                </c:pt>
                <c:pt idx="1957">
                  <c:v>46.968610156250001</c:v>
                </c:pt>
                <c:pt idx="1958">
                  <c:v>46.969537109374997</c:v>
                </c:pt>
                <c:pt idx="1959">
                  <c:v>46.970508203125</c:v>
                </c:pt>
                <c:pt idx="1960">
                  <c:v>46.971435156249996</c:v>
                </c:pt>
                <c:pt idx="1961">
                  <c:v>46.972406249999999</c:v>
                </c:pt>
                <c:pt idx="1962">
                  <c:v>46.973333203125001</c:v>
                </c:pt>
                <c:pt idx="1963">
                  <c:v>46.974304296874998</c:v>
                </c:pt>
                <c:pt idx="1964">
                  <c:v>46.97523125</c:v>
                </c:pt>
                <c:pt idx="1965">
                  <c:v>46.976202343749996</c:v>
                </c:pt>
                <c:pt idx="1966">
                  <c:v>46.977129296874999</c:v>
                </c:pt>
                <c:pt idx="1967">
                  <c:v>46.978100390625002</c:v>
                </c:pt>
                <c:pt idx="1968">
                  <c:v>46.979027343749998</c:v>
                </c:pt>
                <c:pt idx="1969">
                  <c:v>46.979998437500001</c:v>
                </c:pt>
                <c:pt idx="1970">
                  <c:v>46.980925390624996</c:v>
                </c:pt>
                <c:pt idx="1971">
                  <c:v>46.981896484375</c:v>
                </c:pt>
                <c:pt idx="1972">
                  <c:v>46.982823437500002</c:v>
                </c:pt>
                <c:pt idx="1973">
                  <c:v>46.983750390624998</c:v>
                </c:pt>
                <c:pt idx="1974">
                  <c:v>46.984721484375001</c:v>
                </c:pt>
                <c:pt idx="1975">
                  <c:v>46.985648437499997</c:v>
                </c:pt>
                <c:pt idx="1976">
                  <c:v>46.98661953125</c:v>
                </c:pt>
                <c:pt idx="1977">
                  <c:v>46.987546484375002</c:v>
                </c:pt>
                <c:pt idx="1978">
                  <c:v>46.988517578124998</c:v>
                </c:pt>
                <c:pt idx="1979">
                  <c:v>46.989444531250001</c:v>
                </c:pt>
                <c:pt idx="1980">
                  <c:v>46.990415624999997</c:v>
                </c:pt>
                <c:pt idx="1981">
                  <c:v>46.991342578125</c:v>
                </c:pt>
                <c:pt idx="1982">
                  <c:v>46.992313671874996</c:v>
                </c:pt>
                <c:pt idx="1983">
                  <c:v>46.993240624999999</c:v>
                </c:pt>
                <c:pt idx="1984">
                  <c:v>46.994211718750002</c:v>
                </c:pt>
                <c:pt idx="1985">
                  <c:v>46.995138671874997</c:v>
                </c:pt>
                <c:pt idx="1986">
                  <c:v>46.996065625</c:v>
                </c:pt>
                <c:pt idx="1987">
                  <c:v>46.997036718749996</c:v>
                </c:pt>
                <c:pt idx="1988">
                  <c:v>46.997963671874999</c:v>
                </c:pt>
                <c:pt idx="1989">
                  <c:v>46.998934765625002</c:v>
                </c:pt>
                <c:pt idx="1990">
                  <c:v>46.999861718749997</c:v>
                </c:pt>
                <c:pt idx="1991">
                  <c:v>47.000832812500001</c:v>
                </c:pt>
                <c:pt idx="1992">
                  <c:v>47.001759765624996</c:v>
                </c:pt>
                <c:pt idx="1993">
                  <c:v>47.002730859374999</c:v>
                </c:pt>
                <c:pt idx="1994">
                  <c:v>47.003657812500002</c:v>
                </c:pt>
                <c:pt idx="1995">
                  <c:v>47.004628906249998</c:v>
                </c:pt>
                <c:pt idx="1996">
                  <c:v>47.005555859375001</c:v>
                </c:pt>
                <c:pt idx="1997">
                  <c:v>47.006526953124997</c:v>
                </c:pt>
                <c:pt idx="1998">
                  <c:v>47.007453906249999</c:v>
                </c:pt>
                <c:pt idx="1999">
                  <c:v>47.008424999999995</c:v>
                </c:pt>
                <c:pt idx="2000">
                  <c:v>47.009351953124998</c:v>
                </c:pt>
                <c:pt idx="2001">
                  <c:v>47.010278906250001</c:v>
                </c:pt>
                <c:pt idx="2002">
                  <c:v>47.011249999999997</c:v>
                </c:pt>
                <c:pt idx="2003">
                  <c:v>47.012176953125</c:v>
                </c:pt>
                <c:pt idx="2004">
                  <c:v>47.013148046874996</c:v>
                </c:pt>
                <c:pt idx="2005">
                  <c:v>47.014074999999998</c:v>
                </c:pt>
                <c:pt idx="2006">
                  <c:v>47.015046093750001</c:v>
                </c:pt>
                <c:pt idx="2007">
                  <c:v>47.015973046874997</c:v>
                </c:pt>
                <c:pt idx="2008">
                  <c:v>47.016944140625</c:v>
                </c:pt>
                <c:pt idx="2009">
                  <c:v>47.017871093749996</c:v>
                </c:pt>
                <c:pt idx="2010">
                  <c:v>47.018842187499999</c:v>
                </c:pt>
                <c:pt idx="2011">
                  <c:v>47.019769140625002</c:v>
                </c:pt>
                <c:pt idx="2012">
                  <c:v>47.020740234374998</c:v>
                </c:pt>
                <c:pt idx="2013">
                  <c:v>47.0216671875</c:v>
                </c:pt>
                <c:pt idx="2014">
                  <c:v>47.022594140624996</c:v>
                </c:pt>
                <c:pt idx="2015">
                  <c:v>47.023565234374999</c:v>
                </c:pt>
                <c:pt idx="2016">
                  <c:v>47.024492187500002</c:v>
                </c:pt>
                <c:pt idx="2017">
                  <c:v>47.025463281249998</c:v>
                </c:pt>
                <c:pt idx="2018">
                  <c:v>47.026390234375</c:v>
                </c:pt>
                <c:pt idx="2019">
                  <c:v>47.027361328124996</c:v>
                </c:pt>
                <c:pt idx="2020">
                  <c:v>47.028288281249999</c:v>
                </c:pt>
                <c:pt idx="2021">
                  <c:v>47.029259375000002</c:v>
                </c:pt>
                <c:pt idx="2022">
                  <c:v>47.030186328124998</c:v>
                </c:pt>
                <c:pt idx="2023">
                  <c:v>47.031157421875001</c:v>
                </c:pt>
                <c:pt idx="2024">
                  <c:v>47.032084374999997</c:v>
                </c:pt>
                <c:pt idx="2025">
                  <c:v>47.03305546875</c:v>
                </c:pt>
                <c:pt idx="2026">
                  <c:v>47.033982421874995</c:v>
                </c:pt>
                <c:pt idx="2027">
                  <c:v>47.034953515624998</c:v>
                </c:pt>
                <c:pt idx="2028">
                  <c:v>47.035880468750001</c:v>
                </c:pt>
                <c:pt idx="2029">
                  <c:v>47.036807421874997</c:v>
                </c:pt>
                <c:pt idx="2030">
                  <c:v>47.037778515625</c:v>
                </c:pt>
                <c:pt idx="2031">
                  <c:v>47.038705468749995</c:v>
                </c:pt>
                <c:pt idx="2032">
                  <c:v>47.039676562499999</c:v>
                </c:pt>
                <c:pt idx="2033">
                  <c:v>47.040603515625001</c:v>
                </c:pt>
                <c:pt idx="2034">
                  <c:v>47.041574609374997</c:v>
                </c:pt>
                <c:pt idx="2035">
                  <c:v>47.0425015625</c:v>
                </c:pt>
                <c:pt idx="2036">
                  <c:v>47.043472656249996</c:v>
                </c:pt>
                <c:pt idx="2037">
                  <c:v>47.044399609374999</c:v>
                </c:pt>
                <c:pt idx="2038">
                  <c:v>47.045370703125002</c:v>
                </c:pt>
                <c:pt idx="2039">
                  <c:v>47.046297656249997</c:v>
                </c:pt>
                <c:pt idx="2040">
                  <c:v>47.047268750000001</c:v>
                </c:pt>
                <c:pt idx="2041">
                  <c:v>47.048195703124996</c:v>
                </c:pt>
                <c:pt idx="2042">
                  <c:v>47.049166796874999</c:v>
                </c:pt>
                <c:pt idx="2043">
                  <c:v>47.050093750000002</c:v>
                </c:pt>
                <c:pt idx="2044">
                  <c:v>47.051020703124998</c:v>
                </c:pt>
                <c:pt idx="2045">
                  <c:v>47.051991796875001</c:v>
                </c:pt>
                <c:pt idx="2046">
                  <c:v>47.052918749999996</c:v>
                </c:pt>
                <c:pt idx="2047">
                  <c:v>47.053889843749999</c:v>
                </c:pt>
                <c:pt idx="2048">
                  <c:v>47.054816796875002</c:v>
                </c:pt>
                <c:pt idx="2049">
                  <c:v>47.055787890624998</c:v>
                </c:pt>
                <c:pt idx="2050">
                  <c:v>47.056714843750001</c:v>
                </c:pt>
                <c:pt idx="2051">
                  <c:v>47.057685937499997</c:v>
                </c:pt>
                <c:pt idx="2052">
                  <c:v>47.058612890625</c:v>
                </c:pt>
                <c:pt idx="2053">
                  <c:v>47.059583984374996</c:v>
                </c:pt>
                <c:pt idx="2054">
                  <c:v>47.060510937499998</c:v>
                </c:pt>
                <c:pt idx="2055">
                  <c:v>47.061482031250002</c:v>
                </c:pt>
                <c:pt idx="2056">
                  <c:v>47.062408984374997</c:v>
                </c:pt>
                <c:pt idx="2057">
                  <c:v>47.0633359375</c:v>
                </c:pt>
                <c:pt idx="2058">
                  <c:v>47.064307031249996</c:v>
                </c:pt>
                <c:pt idx="2059">
                  <c:v>47.065233984374998</c:v>
                </c:pt>
                <c:pt idx="2060">
                  <c:v>47.066205078125002</c:v>
                </c:pt>
                <c:pt idx="2061">
                  <c:v>47.067132031249997</c:v>
                </c:pt>
                <c:pt idx="2062">
                  <c:v>47.068103125</c:v>
                </c:pt>
                <c:pt idx="2063">
                  <c:v>47.069030078124996</c:v>
                </c:pt>
                <c:pt idx="2064">
                  <c:v>47.070001171874999</c:v>
                </c:pt>
                <c:pt idx="2065">
                  <c:v>47.070928125000002</c:v>
                </c:pt>
                <c:pt idx="2066">
                  <c:v>47.071899218749998</c:v>
                </c:pt>
                <c:pt idx="2067">
                  <c:v>47.072826171875001</c:v>
                </c:pt>
                <c:pt idx="2068">
                  <c:v>47.073797265624997</c:v>
                </c:pt>
                <c:pt idx="2069">
                  <c:v>47.074724218749999</c:v>
                </c:pt>
                <c:pt idx="2070">
                  <c:v>47.075695312500002</c:v>
                </c:pt>
                <c:pt idx="2071">
                  <c:v>47.076622265624998</c:v>
                </c:pt>
                <c:pt idx="2072">
                  <c:v>47.077549218750001</c:v>
                </c:pt>
                <c:pt idx="2073">
                  <c:v>47.078520312499997</c:v>
                </c:pt>
                <c:pt idx="2074">
                  <c:v>47.079447265624999</c:v>
                </c:pt>
                <c:pt idx="2075">
                  <c:v>47.080418359375003</c:v>
                </c:pt>
                <c:pt idx="2076">
                  <c:v>47.081345312499998</c:v>
                </c:pt>
                <c:pt idx="2077">
                  <c:v>47.082316406250001</c:v>
                </c:pt>
                <c:pt idx="2078">
                  <c:v>47.083243359374997</c:v>
                </c:pt>
                <c:pt idx="2079">
                  <c:v>47.084214453125</c:v>
                </c:pt>
                <c:pt idx="2080">
                  <c:v>47.085141406250003</c:v>
                </c:pt>
                <c:pt idx="2081">
                  <c:v>47.086112499999999</c:v>
                </c:pt>
                <c:pt idx="2082">
                  <c:v>47.087039453125001</c:v>
                </c:pt>
                <c:pt idx="2083">
                  <c:v>47.088010546874997</c:v>
                </c:pt>
                <c:pt idx="2084">
                  <c:v>47.0889375</c:v>
                </c:pt>
                <c:pt idx="2085">
                  <c:v>47.089864453124996</c:v>
                </c:pt>
                <c:pt idx="2086">
                  <c:v>47.090835546874999</c:v>
                </c:pt>
                <c:pt idx="2087">
                  <c:v>47.091762500000002</c:v>
                </c:pt>
                <c:pt idx="2088">
                  <c:v>47.092733593749998</c:v>
                </c:pt>
                <c:pt idx="2089">
                  <c:v>47.093660546875</c:v>
                </c:pt>
                <c:pt idx="2090">
                  <c:v>47.094631640624996</c:v>
                </c:pt>
                <c:pt idx="2091">
                  <c:v>47.095558593749999</c:v>
                </c:pt>
                <c:pt idx="2092">
                  <c:v>47.096529687500002</c:v>
                </c:pt>
                <c:pt idx="2093">
                  <c:v>47.097456640624998</c:v>
                </c:pt>
                <c:pt idx="2094">
                  <c:v>47.098427734375001</c:v>
                </c:pt>
                <c:pt idx="2095">
                  <c:v>47.099354687499996</c:v>
                </c:pt>
                <c:pt idx="2096">
                  <c:v>47.10032578125</c:v>
                </c:pt>
                <c:pt idx="2097">
                  <c:v>47.101252734375002</c:v>
                </c:pt>
                <c:pt idx="2098">
                  <c:v>47.102223828124998</c:v>
                </c:pt>
                <c:pt idx="2099">
                  <c:v>47.103150781250001</c:v>
                </c:pt>
                <c:pt idx="2100">
                  <c:v>47.104077734374997</c:v>
                </c:pt>
                <c:pt idx="2101">
                  <c:v>47.105048828125</c:v>
                </c:pt>
                <c:pt idx="2102">
                  <c:v>47.105975781249995</c:v>
                </c:pt>
                <c:pt idx="2103">
                  <c:v>47.106946874999998</c:v>
                </c:pt>
                <c:pt idx="2104">
                  <c:v>47.107873828125001</c:v>
                </c:pt>
                <c:pt idx="2105">
                  <c:v>47.108844921874997</c:v>
                </c:pt>
                <c:pt idx="2106">
                  <c:v>47.109771875</c:v>
                </c:pt>
                <c:pt idx="2107">
                  <c:v>47.110742968749996</c:v>
                </c:pt>
                <c:pt idx="2108">
                  <c:v>47.111669921874999</c:v>
                </c:pt>
                <c:pt idx="2109">
                  <c:v>47.112641015625002</c:v>
                </c:pt>
                <c:pt idx="2110">
                  <c:v>47.113567968749997</c:v>
                </c:pt>
                <c:pt idx="2111">
                  <c:v>47.1145390625</c:v>
                </c:pt>
                <c:pt idx="2112">
                  <c:v>47.115466015624996</c:v>
                </c:pt>
                <c:pt idx="2113">
                  <c:v>47.116437109374999</c:v>
                </c:pt>
                <c:pt idx="2114">
                  <c:v>47.117364062500002</c:v>
                </c:pt>
                <c:pt idx="2115">
                  <c:v>47.118291015624997</c:v>
                </c:pt>
                <c:pt idx="2116">
                  <c:v>47.119262109375001</c:v>
                </c:pt>
                <c:pt idx="2117">
                  <c:v>47.120189062499996</c:v>
                </c:pt>
                <c:pt idx="2118">
                  <c:v>47.121160156249999</c:v>
                </c:pt>
                <c:pt idx="2119">
                  <c:v>47.122087109375002</c:v>
                </c:pt>
                <c:pt idx="2120">
                  <c:v>47.123058203124998</c:v>
                </c:pt>
                <c:pt idx="2121">
                  <c:v>47.123985156250001</c:v>
                </c:pt>
                <c:pt idx="2122">
                  <c:v>47.124956249999997</c:v>
                </c:pt>
                <c:pt idx="2123">
                  <c:v>47.125883203124999</c:v>
                </c:pt>
                <c:pt idx="2124">
                  <c:v>47.126854296874995</c:v>
                </c:pt>
                <c:pt idx="2125">
                  <c:v>47.127781249999998</c:v>
                </c:pt>
                <c:pt idx="2126">
                  <c:v>47.128752343750001</c:v>
                </c:pt>
                <c:pt idx="2127">
                  <c:v>47.129679296874997</c:v>
                </c:pt>
                <c:pt idx="2128">
                  <c:v>47.13060625</c:v>
                </c:pt>
                <c:pt idx="2129">
                  <c:v>47.131577343749996</c:v>
                </c:pt>
                <c:pt idx="2130">
                  <c:v>47.132504296874998</c:v>
                </c:pt>
                <c:pt idx="2131">
                  <c:v>47.133475390625001</c:v>
                </c:pt>
                <c:pt idx="2132">
                  <c:v>47.134402343749997</c:v>
                </c:pt>
                <c:pt idx="2133">
                  <c:v>47.1353734375</c:v>
                </c:pt>
                <c:pt idx="2134">
                  <c:v>47.136300390624996</c:v>
                </c:pt>
                <c:pt idx="2135">
                  <c:v>47.137271484374999</c:v>
                </c:pt>
                <c:pt idx="2136">
                  <c:v>47.138198437500002</c:v>
                </c:pt>
                <c:pt idx="2137">
                  <c:v>47.139169531249998</c:v>
                </c:pt>
                <c:pt idx="2138">
                  <c:v>47.140096484375</c:v>
                </c:pt>
                <c:pt idx="2139">
                  <c:v>47.141067578124996</c:v>
                </c:pt>
                <c:pt idx="2140">
                  <c:v>47.141994531249999</c:v>
                </c:pt>
                <c:pt idx="2141">
                  <c:v>47.142965625000002</c:v>
                </c:pt>
                <c:pt idx="2142">
                  <c:v>47.143892578124998</c:v>
                </c:pt>
                <c:pt idx="2143">
                  <c:v>47.14481953125</c:v>
                </c:pt>
                <c:pt idx="2144">
                  <c:v>47.145790624999997</c:v>
                </c:pt>
                <c:pt idx="2145">
                  <c:v>47.146717578124999</c:v>
                </c:pt>
                <c:pt idx="2146">
                  <c:v>47.147688671875002</c:v>
                </c:pt>
                <c:pt idx="2147">
                  <c:v>47.148615624999998</c:v>
                </c:pt>
                <c:pt idx="2148">
                  <c:v>47.149586718750001</c:v>
                </c:pt>
                <c:pt idx="2149">
                  <c:v>47.150513671874997</c:v>
                </c:pt>
                <c:pt idx="2150">
                  <c:v>47.151484765625</c:v>
                </c:pt>
                <c:pt idx="2151">
                  <c:v>47.152411718750002</c:v>
                </c:pt>
                <c:pt idx="2152">
                  <c:v>47.153382812499999</c:v>
                </c:pt>
                <c:pt idx="2153">
                  <c:v>47.154309765625001</c:v>
                </c:pt>
                <c:pt idx="2154">
                  <c:v>47.155280859374997</c:v>
                </c:pt>
                <c:pt idx="2155">
                  <c:v>47.1562078125</c:v>
                </c:pt>
                <c:pt idx="2156">
                  <c:v>47.157134765625003</c:v>
                </c:pt>
                <c:pt idx="2157">
                  <c:v>47.158105859374999</c:v>
                </c:pt>
                <c:pt idx="2158">
                  <c:v>47.159032812500001</c:v>
                </c:pt>
                <c:pt idx="2159">
                  <c:v>47.160003906249997</c:v>
                </c:pt>
                <c:pt idx="2160">
                  <c:v>47.160930859375</c:v>
                </c:pt>
                <c:pt idx="2161">
                  <c:v>47.161901953124996</c:v>
                </c:pt>
                <c:pt idx="2162">
                  <c:v>47.162828906249999</c:v>
                </c:pt>
                <c:pt idx="2163">
                  <c:v>47.163800000000002</c:v>
                </c:pt>
                <c:pt idx="2164">
                  <c:v>47.164726953124998</c:v>
                </c:pt>
                <c:pt idx="2165">
                  <c:v>47.165698046875001</c:v>
                </c:pt>
                <c:pt idx="2166">
                  <c:v>47.166624999999996</c:v>
                </c:pt>
                <c:pt idx="2167">
                  <c:v>47.167596093749999</c:v>
                </c:pt>
                <c:pt idx="2168">
                  <c:v>47.168523046875002</c:v>
                </c:pt>
                <c:pt idx="2169">
                  <c:v>47.169494140624998</c:v>
                </c:pt>
                <c:pt idx="2170">
                  <c:v>47.170421093750001</c:v>
                </c:pt>
                <c:pt idx="2171">
                  <c:v>47.171348046874996</c:v>
                </c:pt>
                <c:pt idx="2172">
                  <c:v>47.172319140625</c:v>
                </c:pt>
                <c:pt idx="2173">
                  <c:v>47.173246093750002</c:v>
                </c:pt>
                <c:pt idx="2174">
                  <c:v>47.174217187499998</c:v>
                </c:pt>
                <c:pt idx="2175">
                  <c:v>47.175144140625001</c:v>
                </c:pt>
                <c:pt idx="2176">
                  <c:v>47.176115234374997</c:v>
                </c:pt>
                <c:pt idx="2177">
                  <c:v>47.1770421875</c:v>
                </c:pt>
                <c:pt idx="2178">
                  <c:v>47.178013281250003</c:v>
                </c:pt>
                <c:pt idx="2179">
                  <c:v>47.178940234374998</c:v>
                </c:pt>
                <c:pt idx="2180">
                  <c:v>47.179911328125002</c:v>
                </c:pt>
                <c:pt idx="2181">
                  <c:v>47.180838281249997</c:v>
                </c:pt>
                <c:pt idx="2182">
                  <c:v>47.181809375</c:v>
                </c:pt>
                <c:pt idx="2183">
                  <c:v>47.182736328124996</c:v>
                </c:pt>
                <c:pt idx="2184">
                  <c:v>47.183707421874999</c:v>
                </c:pt>
                <c:pt idx="2185">
                  <c:v>47.184634375000002</c:v>
                </c:pt>
                <c:pt idx="2186">
                  <c:v>47.185561328124997</c:v>
                </c:pt>
                <c:pt idx="2187">
                  <c:v>47.186532421875</c:v>
                </c:pt>
                <c:pt idx="2188">
                  <c:v>47.187459374999996</c:v>
                </c:pt>
                <c:pt idx="2189">
                  <c:v>47.188430468749999</c:v>
                </c:pt>
                <c:pt idx="2190">
                  <c:v>47.189357421875002</c:v>
                </c:pt>
                <c:pt idx="2191">
                  <c:v>47.190328515624998</c:v>
                </c:pt>
                <c:pt idx="2192">
                  <c:v>47.191255468750001</c:v>
                </c:pt>
                <c:pt idx="2193">
                  <c:v>47.192226562499997</c:v>
                </c:pt>
                <c:pt idx="2194">
                  <c:v>47.193153515624999</c:v>
                </c:pt>
                <c:pt idx="2195">
                  <c:v>47.194124609374995</c:v>
                </c:pt>
                <c:pt idx="2196">
                  <c:v>47.195051562499998</c:v>
                </c:pt>
                <c:pt idx="2197">
                  <c:v>47.196022656250001</c:v>
                </c:pt>
                <c:pt idx="2198">
                  <c:v>47.196949609374997</c:v>
                </c:pt>
                <c:pt idx="2199">
                  <c:v>47.197876562499999</c:v>
                </c:pt>
                <c:pt idx="2200">
                  <c:v>47.198847656249995</c:v>
                </c:pt>
                <c:pt idx="2201">
                  <c:v>47.199774609374998</c:v>
                </c:pt>
                <c:pt idx="2202">
                  <c:v>47.200745703125001</c:v>
                </c:pt>
                <c:pt idx="2203">
                  <c:v>47.201672656249997</c:v>
                </c:pt>
                <c:pt idx="2204">
                  <c:v>47.20264375</c:v>
                </c:pt>
                <c:pt idx="2205">
                  <c:v>47.203570703124996</c:v>
                </c:pt>
                <c:pt idx="2206">
                  <c:v>47.204541796874999</c:v>
                </c:pt>
                <c:pt idx="2207">
                  <c:v>47.205468750000001</c:v>
                </c:pt>
                <c:pt idx="2208">
                  <c:v>47.206439843749997</c:v>
                </c:pt>
                <c:pt idx="2209">
                  <c:v>47.207366796875</c:v>
                </c:pt>
                <c:pt idx="2210">
                  <c:v>47.208337890624996</c:v>
                </c:pt>
                <c:pt idx="2211">
                  <c:v>47.209264843749999</c:v>
                </c:pt>
                <c:pt idx="2212">
                  <c:v>47.210235937500002</c:v>
                </c:pt>
                <c:pt idx="2213">
                  <c:v>47.211162890624998</c:v>
                </c:pt>
                <c:pt idx="2214">
                  <c:v>47.21208984375</c:v>
                </c:pt>
                <c:pt idx="2215">
                  <c:v>47.213060937499996</c:v>
                </c:pt>
                <c:pt idx="2216">
                  <c:v>47.213987890624999</c:v>
                </c:pt>
                <c:pt idx="2217">
                  <c:v>47.214958984375002</c:v>
                </c:pt>
                <c:pt idx="2218">
                  <c:v>47.215885937499998</c:v>
                </c:pt>
                <c:pt idx="2219">
                  <c:v>47.216857031250001</c:v>
                </c:pt>
                <c:pt idx="2220">
                  <c:v>47.217783984374996</c:v>
                </c:pt>
                <c:pt idx="2221">
                  <c:v>47.218755078125</c:v>
                </c:pt>
                <c:pt idx="2222">
                  <c:v>47.219682031250002</c:v>
                </c:pt>
                <c:pt idx="2223">
                  <c:v>47.220653124999998</c:v>
                </c:pt>
                <c:pt idx="2224">
                  <c:v>47.221580078125001</c:v>
                </c:pt>
                <c:pt idx="2225">
                  <c:v>47.222551171874997</c:v>
                </c:pt>
                <c:pt idx="2226">
                  <c:v>47.223478125</c:v>
                </c:pt>
                <c:pt idx="2227">
                  <c:v>47.224405078125002</c:v>
                </c:pt>
                <c:pt idx="2228">
                  <c:v>47.225376171874998</c:v>
                </c:pt>
                <c:pt idx="2229">
                  <c:v>47.226303125000001</c:v>
                </c:pt>
                <c:pt idx="2230">
                  <c:v>47.227274218749997</c:v>
                </c:pt>
                <c:pt idx="2231">
                  <c:v>47.228201171875</c:v>
                </c:pt>
                <c:pt idx="2232">
                  <c:v>47.229172265624996</c:v>
                </c:pt>
                <c:pt idx="2233">
                  <c:v>47.230099218749999</c:v>
                </c:pt>
                <c:pt idx="2234">
                  <c:v>47.231070312500002</c:v>
                </c:pt>
                <c:pt idx="2235">
                  <c:v>47.231997265624997</c:v>
                </c:pt>
                <c:pt idx="2236">
                  <c:v>47.232968359375</c:v>
                </c:pt>
                <c:pt idx="2237">
                  <c:v>47.233895312499996</c:v>
                </c:pt>
                <c:pt idx="2238">
                  <c:v>47.234866406249999</c:v>
                </c:pt>
                <c:pt idx="2239">
                  <c:v>47.235793359375002</c:v>
                </c:pt>
                <c:pt idx="2240">
                  <c:v>47.236764453124998</c:v>
                </c:pt>
                <c:pt idx="2241">
                  <c:v>47.237691406250001</c:v>
                </c:pt>
                <c:pt idx="2242">
                  <c:v>47.238618359374996</c:v>
                </c:pt>
                <c:pt idx="2243">
                  <c:v>47.239589453124999</c:v>
                </c:pt>
                <c:pt idx="2244">
                  <c:v>47.240516406250002</c:v>
                </c:pt>
                <c:pt idx="2245">
                  <c:v>47.241487499999998</c:v>
                </c:pt>
                <c:pt idx="2246">
                  <c:v>47.242414453125001</c:v>
                </c:pt>
                <c:pt idx="2247">
                  <c:v>47.243385546874997</c:v>
                </c:pt>
                <c:pt idx="2248">
                  <c:v>47.244312499999999</c:v>
                </c:pt>
                <c:pt idx="2249">
                  <c:v>47.245283593750003</c:v>
                </c:pt>
                <c:pt idx="2250">
                  <c:v>47.246210546874998</c:v>
                </c:pt>
                <c:pt idx="2251">
                  <c:v>47.247181640625001</c:v>
                </c:pt>
                <c:pt idx="2252">
                  <c:v>47.248108593749997</c:v>
                </c:pt>
                <c:pt idx="2253">
                  <c:v>47.2490796875</c:v>
                </c:pt>
                <c:pt idx="2254">
                  <c:v>47.250006640625003</c:v>
                </c:pt>
                <c:pt idx="2255">
                  <c:v>47.250977734374999</c:v>
                </c:pt>
                <c:pt idx="2256">
                  <c:v>47.251904687500002</c:v>
                </c:pt>
                <c:pt idx="2257">
                  <c:v>47.252831640624997</c:v>
                </c:pt>
                <c:pt idx="2258">
                  <c:v>47.253802734375</c:v>
                </c:pt>
                <c:pt idx="2259">
                  <c:v>47.254729687500003</c:v>
                </c:pt>
                <c:pt idx="2260">
                  <c:v>47.255700781249999</c:v>
                </c:pt>
                <c:pt idx="2261">
                  <c:v>47.256627734375002</c:v>
                </c:pt>
                <c:pt idx="2262">
                  <c:v>47.257598828124998</c:v>
                </c:pt>
                <c:pt idx="2263">
                  <c:v>47.25852578125</c:v>
                </c:pt>
                <c:pt idx="2264">
                  <c:v>47.259496874999996</c:v>
                </c:pt>
                <c:pt idx="2265">
                  <c:v>47.260423828124999</c:v>
                </c:pt>
                <c:pt idx="2266">
                  <c:v>47.261394921875002</c:v>
                </c:pt>
                <c:pt idx="2267">
                  <c:v>47.262321874999998</c:v>
                </c:pt>
                <c:pt idx="2268">
                  <c:v>47.263292968750001</c:v>
                </c:pt>
                <c:pt idx="2269">
                  <c:v>47.264219921874997</c:v>
                </c:pt>
                <c:pt idx="2270">
                  <c:v>47.265146874999999</c:v>
                </c:pt>
                <c:pt idx="2271">
                  <c:v>47.266117968750002</c:v>
                </c:pt>
                <c:pt idx="2272">
                  <c:v>47.267044921874998</c:v>
                </c:pt>
                <c:pt idx="2273">
                  <c:v>47.268016015625001</c:v>
                </c:pt>
                <c:pt idx="2274">
                  <c:v>47.268942968749997</c:v>
                </c:pt>
                <c:pt idx="2275">
                  <c:v>47.2699140625</c:v>
                </c:pt>
                <c:pt idx="2276">
                  <c:v>47.270841015624995</c:v>
                </c:pt>
                <c:pt idx="2277">
                  <c:v>47.271812109374999</c:v>
                </c:pt>
                <c:pt idx="2278">
                  <c:v>47.272739062500001</c:v>
                </c:pt>
                <c:pt idx="2279">
                  <c:v>47.273710156249997</c:v>
                </c:pt>
                <c:pt idx="2280">
                  <c:v>47.274637109375</c:v>
                </c:pt>
                <c:pt idx="2281">
                  <c:v>47.275608203124996</c:v>
                </c:pt>
                <c:pt idx="2282">
                  <c:v>47.276535156249999</c:v>
                </c:pt>
                <c:pt idx="2283">
                  <c:v>47.277506250000002</c:v>
                </c:pt>
                <c:pt idx="2284">
                  <c:v>47.278433203124997</c:v>
                </c:pt>
                <c:pt idx="2285">
                  <c:v>47.27936015625</c:v>
                </c:pt>
                <c:pt idx="2286">
                  <c:v>47.280331249999996</c:v>
                </c:pt>
                <c:pt idx="2287">
                  <c:v>47.281258203124999</c:v>
                </c:pt>
                <c:pt idx="2288">
                  <c:v>47.282229296875002</c:v>
                </c:pt>
                <c:pt idx="2289">
                  <c:v>47.283156249999998</c:v>
                </c:pt>
                <c:pt idx="2290">
                  <c:v>47.284127343750001</c:v>
                </c:pt>
                <c:pt idx="2291">
                  <c:v>47.285054296874996</c:v>
                </c:pt>
                <c:pt idx="2292">
                  <c:v>47.286025390624999</c:v>
                </c:pt>
                <c:pt idx="2293">
                  <c:v>47.286952343750002</c:v>
                </c:pt>
                <c:pt idx="2294">
                  <c:v>47.287923437499998</c:v>
                </c:pt>
                <c:pt idx="2295">
                  <c:v>47.288850390625001</c:v>
                </c:pt>
                <c:pt idx="2296">
                  <c:v>47.289821484374997</c:v>
                </c:pt>
                <c:pt idx="2297">
                  <c:v>47.2907484375</c:v>
                </c:pt>
                <c:pt idx="2298">
                  <c:v>47.291675390625002</c:v>
                </c:pt>
                <c:pt idx="2299">
                  <c:v>47.292646484374998</c:v>
                </c:pt>
                <c:pt idx="2300">
                  <c:v>47.293573437500001</c:v>
                </c:pt>
                <c:pt idx="2301">
                  <c:v>47.294544531249997</c:v>
                </c:pt>
                <c:pt idx="2302">
                  <c:v>47.295471484375</c:v>
                </c:pt>
                <c:pt idx="2303">
                  <c:v>47.296442578124996</c:v>
                </c:pt>
                <c:pt idx="2304">
                  <c:v>47.297369531249998</c:v>
                </c:pt>
                <c:pt idx="2305">
                  <c:v>47.298340625000002</c:v>
                </c:pt>
                <c:pt idx="2306">
                  <c:v>47.299267578124997</c:v>
                </c:pt>
                <c:pt idx="2307">
                  <c:v>47.300238671875</c:v>
                </c:pt>
                <c:pt idx="2308">
                  <c:v>47.301165624999996</c:v>
                </c:pt>
                <c:pt idx="2309">
                  <c:v>47.302136718749999</c:v>
                </c:pt>
                <c:pt idx="2310">
                  <c:v>47.303063671875002</c:v>
                </c:pt>
                <c:pt idx="2311">
                  <c:v>47.304034765624998</c:v>
                </c:pt>
                <c:pt idx="2312">
                  <c:v>47.30496171875</c:v>
                </c:pt>
                <c:pt idx="2313">
                  <c:v>47.305888671874996</c:v>
                </c:pt>
                <c:pt idx="2314">
                  <c:v>47.306859765624999</c:v>
                </c:pt>
                <c:pt idx="2315">
                  <c:v>47.307786718750002</c:v>
                </c:pt>
                <c:pt idx="2316">
                  <c:v>47.308757812499998</c:v>
                </c:pt>
                <c:pt idx="2317">
                  <c:v>47.309684765625001</c:v>
                </c:pt>
                <c:pt idx="2318">
                  <c:v>47.310655859374997</c:v>
                </c:pt>
                <c:pt idx="2319">
                  <c:v>47.311582812499999</c:v>
                </c:pt>
                <c:pt idx="2320">
                  <c:v>47.312553906250002</c:v>
                </c:pt>
                <c:pt idx="2321">
                  <c:v>47.313480859374998</c:v>
                </c:pt>
                <c:pt idx="2322">
                  <c:v>47.314451953125001</c:v>
                </c:pt>
                <c:pt idx="2323">
                  <c:v>47.315378906249997</c:v>
                </c:pt>
                <c:pt idx="2324">
                  <c:v>47.31635</c:v>
                </c:pt>
                <c:pt idx="2325">
                  <c:v>47.317276953125003</c:v>
                </c:pt>
                <c:pt idx="2326">
                  <c:v>47.318248046874999</c:v>
                </c:pt>
                <c:pt idx="2327">
                  <c:v>47.319175000000001</c:v>
                </c:pt>
                <c:pt idx="2328">
                  <c:v>47.320101953124997</c:v>
                </c:pt>
                <c:pt idx="2329">
                  <c:v>47.321073046875</c:v>
                </c:pt>
                <c:pt idx="2330">
                  <c:v>47.322000000000003</c:v>
                </c:pt>
                <c:pt idx="2331">
                  <c:v>47.322971093749999</c:v>
                </c:pt>
                <c:pt idx="2332">
                  <c:v>47.323898046875001</c:v>
                </c:pt>
                <c:pt idx="2333">
                  <c:v>47.324869140624997</c:v>
                </c:pt>
                <c:pt idx="2334">
                  <c:v>47.32579609375</c:v>
                </c:pt>
                <c:pt idx="2335">
                  <c:v>47.326767187499996</c:v>
                </c:pt>
                <c:pt idx="2336">
                  <c:v>47.327694140624999</c:v>
                </c:pt>
                <c:pt idx="2337">
                  <c:v>47.328665234375002</c:v>
                </c:pt>
                <c:pt idx="2338">
                  <c:v>47.329592187499998</c:v>
                </c:pt>
                <c:pt idx="2339">
                  <c:v>47.330563281250001</c:v>
                </c:pt>
                <c:pt idx="2340">
                  <c:v>47.331490234374996</c:v>
                </c:pt>
                <c:pt idx="2341">
                  <c:v>47.332417187499999</c:v>
                </c:pt>
                <c:pt idx="2342">
                  <c:v>47.333388281250002</c:v>
                </c:pt>
                <c:pt idx="2343">
                  <c:v>47.334315234374998</c:v>
                </c:pt>
                <c:pt idx="2344">
                  <c:v>47.335286328125001</c:v>
                </c:pt>
                <c:pt idx="2345">
                  <c:v>47.336213281249996</c:v>
                </c:pt>
                <c:pt idx="2346">
                  <c:v>47.337184375</c:v>
                </c:pt>
                <c:pt idx="2347">
                  <c:v>47.338111328125002</c:v>
                </c:pt>
                <c:pt idx="2348">
                  <c:v>47.339082421874998</c:v>
                </c:pt>
                <c:pt idx="2349">
                  <c:v>47.340009375000001</c:v>
                </c:pt>
                <c:pt idx="2350">
                  <c:v>47.340980468749997</c:v>
                </c:pt>
                <c:pt idx="2351">
                  <c:v>47.341907421875</c:v>
                </c:pt>
                <c:pt idx="2352">
                  <c:v>47.342878515625003</c:v>
                </c:pt>
                <c:pt idx="2353">
                  <c:v>47.343805468749999</c:v>
                </c:pt>
                <c:pt idx="2354">
                  <c:v>47.344776562500002</c:v>
                </c:pt>
                <c:pt idx="2355">
                  <c:v>47.345703515624997</c:v>
                </c:pt>
                <c:pt idx="2356">
                  <c:v>47.34663046875</c:v>
                </c:pt>
                <c:pt idx="2357">
                  <c:v>47.347601562499996</c:v>
                </c:pt>
                <c:pt idx="2358">
                  <c:v>47.348528515624999</c:v>
                </c:pt>
                <c:pt idx="2359">
                  <c:v>47.349499609375002</c:v>
                </c:pt>
                <c:pt idx="2360">
                  <c:v>47.350426562499997</c:v>
                </c:pt>
                <c:pt idx="2361">
                  <c:v>47.351397656250001</c:v>
                </c:pt>
                <c:pt idx="2362">
                  <c:v>47.352324609374996</c:v>
                </c:pt>
                <c:pt idx="2363">
                  <c:v>47.353295703124999</c:v>
                </c:pt>
                <c:pt idx="2364">
                  <c:v>47.354222656250002</c:v>
                </c:pt>
                <c:pt idx="2365">
                  <c:v>47.355193749999998</c:v>
                </c:pt>
                <c:pt idx="2366">
                  <c:v>47.356120703125001</c:v>
                </c:pt>
                <c:pt idx="2367">
                  <c:v>47.357091796874997</c:v>
                </c:pt>
                <c:pt idx="2368">
                  <c:v>47.358018749999999</c:v>
                </c:pt>
                <c:pt idx="2369">
                  <c:v>47.358945703125002</c:v>
                </c:pt>
                <c:pt idx="2370">
                  <c:v>47.359916796874998</c:v>
                </c:pt>
                <c:pt idx="2371">
                  <c:v>47.360843750000001</c:v>
                </c:pt>
                <c:pt idx="2372">
                  <c:v>47.361814843749997</c:v>
                </c:pt>
                <c:pt idx="2373">
                  <c:v>47.362741796875</c:v>
                </c:pt>
                <c:pt idx="2374">
                  <c:v>47.363712890624996</c:v>
                </c:pt>
                <c:pt idx="2375">
                  <c:v>47.364639843749998</c:v>
                </c:pt>
                <c:pt idx="2376">
                  <c:v>47.365610937500001</c:v>
                </c:pt>
                <c:pt idx="2377">
                  <c:v>47.366537890624997</c:v>
                </c:pt>
                <c:pt idx="2378">
                  <c:v>47.367508984375</c:v>
                </c:pt>
                <c:pt idx="2379">
                  <c:v>47.368435937499996</c:v>
                </c:pt>
                <c:pt idx="2380">
                  <c:v>47.369407031249999</c:v>
                </c:pt>
                <c:pt idx="2381">
                  <c:v>47.370333984375002</c:v>
                </c:pt>
                <c:pt idx="2382">
                  <c:v>47.371305078124998</c:v>
                </c:pt>
                <c:pt idx="2383">
                  <c:v>47.37223203125</c:v>
                </c:pt>
                <c:pt idx="2384">
                  <c:v>47.373158984374996</c:v>
                </c:pt>
                <c:pt idx="2385">
                  <c:v>47.374130078124999</c:v>
                </c:pt>
                <c:pt idx="2386">
                  <c:v>47.375057031250002</c:v>
                </c:pt>
                <c:pt idx="2387">
                  <c:v>47.376028124999998</c:v>
                </c:pt>
                <c:pt idx="2388">
                  <c:v>47.376955078125</c:v>
                </c:pt>
                <c:pt idx="2389">
                  <c:v>47.377926171874996</c:v>
                </c:pt>
                <c:pt idx="2390">
                  <c:v>47.378853124999999</c:v>
                </c:pt>
                <c:pt idx="2391">
                  <c:v>47.379824218750002</c:v>
                </c:pt>
                <c:pt idx="2392">
                  <c:v>47.380751171874998</c:v>
                </c:pt>
                <c:pt idx="2393">
                  <c:v>47.381722265625001</c:v>
                </c:pt>
                <c:pt idx="2394">
                  <c:v>47.382649218749997</c:v>
                </c:pt>
                <c:pt idx="2395">
                  <c:v>47.3836203125</c:v>
                </c:pt>
                <c:pt idx="2396">
                  <c:v>47.384547265625002</c:v>
                </c:pt>
                <c:pt idx="2397">
                  <c:v>47.385518359374998</c:v>
                </c:pt>
                <c:pt idx="2398">
                  <c:v>47.386445312500001</c:v>
                </c:pt>
                <c:pt idx="2399">
                  <c:v>47.387372265624997</c:v>
                </c:pt>
                <c:pt idx="2400">
                  <c:v>47.388343359375</c:v>
                </c:pt>
                <c:pt idx="2401">
                  <c:v>47.389270312500003</c:v>
                </c:pt>
                <c:pt idx="2402">
                  <c:v>47.390241406249999</c:v>
                </c:pt>
                <c:pt idx="2403">
                  <c:v>47.391168359375001</c:v>
                </c:pt>
                <c:pt idx="2404">
                  <c:v>47.392139453124997</c:v>
                </c:pt>
                <c:pt idx="2405">
                  <c:v>47.39306640625</c:v>
                </c:pt>
                <c:pt idx="2406">
                  <c:v>47.394037499999996</c:v>
                </c:pt>
                <c:pt idx="2407">
                  <c:v>47.394964453124999</c:v>
                </c:pt>
                <c:pt idx="2408">
                  <c:v>47.395935546875002</c:v>
                </c:pt>
                <c:pt idx="2409">
                  <c:v>47.396862499999997</c:v>
                </c:pt>
                <c:pt idx="2410">
                  <c:v>47.397833593750001</c:v>
                </c:pt>
                <c:pt idx="2411">
                  <c:v>47.398760546874996</c:v>
                </c:pt>
                <c:pt idx="2412">
                  <c:v>47.399687499999999</c:v>
                </c:pt>
                <c:pt idx="2413">
                  <c:v>47.400658593750002</c:v>
                </c:pt>
                <c:pt idx="2414">
                  <c:v>47.401585546874998</c:v>
                </c:pt>
                <c:pt idx="2415">
                  <c:v>47.402556640625001</c:v>
                </c:pt>
                <c:pt idx="2416">
                  <c:v>47.403483593749996</c:v>
                </c:pt>
                <c:pt idx="2417">
                  <c:v>47.404454687499999</c:v>
                </c:pt>
                <c:pt idx="2418">
                  <c:v>47.405381640625002</c:v>
                </c:pt>
                <c:pt idx="2419">
                  <c:v>47.406352734374998</c:v>
                </c:pt>
                <c:pt idx="2420">
                  <c:v>47.407279687500001</c:v>
                </c:pt>
                <c:pt idx="2421">
                  <c:v>47.408250781249997</c:v>
                </c:pt>
                <c:pt idx="2422">
                  <c:v>47.409177734375</c:v>
                </c:pt>
                <c:pt idx="2423">
                  <c:v>47.410148828125003</c:v>
                </c:pt>
                <c:pt idx="2424">
                  <c:v>47.411075781249998</c:v>
                </c:pt>
                <c:pt idx="2425">
                  <c:v>47.412046875000001</c:v>
                </c:pt>
                <c:pt idx="2426">
                  <c:v>47.412973828124997</c:v>
                </c:pt>
                <c:pt idx="2427">
                  <c:v>47.41390078125</c:v>
                </c:pt>
                <c:pt idx="2428">
                  <c:v>47.414871875000003</c:v>
                </c:pt>
                <c:pt idx="2429">
                  <c:v>47.415798828124998</c:v>
                </c:pt>
                <c:pt idx="2430">
                  <c:v>47.416769921875002</c:v>
                </c:pt>
                <c:pt idx="2431">
                  <c:v>47.417696874999997</c:v>
                </c:pt>
                <c:pt idx="2432">
                  <c:v>47.41866796875</c:v>
                </c:pt>
                <c:pt idx="2433">
                  <c:v>47.419594921875003</c:v>
                </c:pt>
                <c:pt idx="2434">
                  <c:v>47.420566015624999</c:v>
                </c:pt>
                <c:pt idx="2435">
                  <c:v>47.421492968750002</c:v>
                </c:pt>
                <c:pt idx="2436">
                  <c:v>47.422464062499998</c:v>
                </c:pt>
                <c:pt idx="2437">
                  <c:v>47.423391015625</c:v>
                </c:pt>
                <c:pt idx="2438">
                  <c:v>47.424362109374997</c:v>
                </c:pt>
                <c:pt idx="2439">
                  <c:v>47.425289062499999</c:v>
                </c:pt>
                <c:pt idx="2440">
                  <c:v>47.426216015625002</c:v>
                </c:pt>
                <c:pt idx="2441">
                  <c:v>47.427187109374998</c:v>
                </c:pt>
                <c:pt idx="2442">
                  <c:v>47.428114062500001</c:v>
                </c:pt>
                <c:pt idx="2443">
                  <c:v>47.429085156249997</c:v>
                </c:pt>
                <c:pt idx="2444">
                  <c:v>47.430012109374999</c:v>
                </c:pt>
                <c:pt idx="2445">
                  <c:v>47.430983203125002</c:v>
                </c:pt>
                <c:pt idx="2446">
                  <c:v>47.431910156249998</c:v>
                </c:pt>
                <c:pt idx="2447">
                  <c:v>47.432881250000001</c:v>
                </c:pt>
                <c:pt idx="2448">
                  <c:v>47.433808203124997</c:v>
                </c:pt>
                <c:pt idx="2449">
                  <c:v>47.434779296875</c:v>
                </c:pt>
                <c:pt idx="2450">
                  <c:v>47.435706250000003</c:v>
                </c:pt>
                <c:pt idx="2451">
                  <c:v>47.436677343749999</c:v>
                </c:pt>
                <c:pt idx="2452">
                  <c:v>47.437604296875001</c:v>
                </c:pt>
                <c:pt idx="2453">
                  <c:v>47.438575390624997</c:v>
                </c:pt>
                <c:pt idx="2454">
                  <c:v>47.43950234375</c:v>
                </c:pt>
                <c:pt idx="2455">
                  <c:v>47.440429296874996</c:v>
                </c:pt>
                <c:pt idx="2456">
                  <c:v>47.441400390624999</c:v>
                </c:pt>
                <c:pt idx="2457">
                  <c:v>47.442327343750001</c:v>
                </c:pt>
                <c:pt idx="2458">
                  <c:v>47.443298437499998</c:v>
                </c:pt>
                <c:pt idx="2459">
                  <c:v>47.444225390625</c:v>
                </c:pt>
                <c:pt idx="2460">
                  <c:v>47.445196484374996</c:v>
                </c:pt>
                <c:pt idx="2461">
                  <c:v>47.446123437499999</c:v>
                </c:pt>
                <c:pt idx="2462">
                  <c:v>47.447094531250002</c:v>
                </c:pt>
                <c:pt idx="2463">
                  <c:v>47.448021484374998</c:v>
                </c:pt>
                <c:pt idx="2464">
                  <c:v>47.448992578125001</c:v>
                </c:pt>
                <c:pt idx="2465">
                  <c:v>47.449919531249996</c:v>
                </c:pt>
                <c:pt idx="2466">
                  <c:v>47.450890625</c:v>
                </c:pt>
                <c:pt idx="2467">
                  <c:v>47.451817578125002</c:v>
                </c:pt>
                <c:pt idx="2468">
                  <c:v>47.452788671874998</c:v>
                </c:pt>
                <c:pt idx="2469">
                  <c:v>47.453715625000001</c:v>
                </c:pt>
                <c:pt idx="2470">
                  <c:v>47.454642578124997</c:v>
                </c:pt>
                <c:pt idx="2471">
                  <c:v>47.455613671875</c:v>
                </c:pt>
                <c:pt idx="2472">
                  <c:v>47.456540625000002</c:v>
                </c:pt>
                <c:pt idx="2473">
                  <c:v>47.457511718749998</c:v>
                </c:pt>
                <c:pt idx="2474">
                  <c:v>47.458438671875001</c:v>
                </c:pt>
                <c:pt idx="2475">
                  <c:v>47.459409765624997</c:v>
                </c:pt>
                <c:pt idx="2476">
                  <c:v>47.46033671875</c:v>
                </c:pt>
                <c:pt idx="2477">
                  <c:v>47.461307812499996</c:v>
                </c:pt>
                <c:pt idx="2478">
                  <c:v>47.462234765624999</c:v>
                </c:pt>
                <c:pt idx="2479">
                  <c:v>47.463205859375002</c:v>
                </c:pt>
                <c:pt idx="2480">
                  <c:v>47.464132812499997</c:v>
                </c:pt>
                <c:pt idx="2481">
                  <c:v>47.46510390625</c:v>
                </c:pt>
                <c:pt idx="2482">
                  <c:v>47.466030859374996</c:v>
                </c:pt>
                <c:pt idx="2483">
                  <c:v>47.466957812499999</c:v>
                </c:pt>
                <c:pt idx="2484">
                  <c:v>47.467928906250002</c:v>
                </c:pt>
                <c:pt idx="2485">
                  <c:v>47.468855859374997</c:v>
                </c:pt>
                <c:pt idx="2486">
                  <c:v>47.469826953125001</c:v>
                </c:pt>
                <c:pt idx="2487">
                  <c:v>47.470753906249996</c:v>
                </c:pt>
                <c:pt idx="2488">
                  <c:v>47.471724999999999</c:v>
                </c:pt>
                <c:pt idx="2489">
                  <c:v>47.472651953125002</c:v>
                </c:pt>
                <c:pt idx="2490">
                  <c:v>47.473623046874998</c:v>
                </c:pt>
                <c:pt idx="2491">
                  <c:v>47.474550000000001</c:v>
                </c:pt>
                <c:pt idx="2492">
                  <c:v>47.475521093749997</c:v>
                </c:pt>
                <c:pt idx="2493">
                  <c:v>47.476448046874999</c:v>
                </c:pt>
                <c:pt idx="2494">
                  <c:v>47.477419140625003</c:v>
                </c:pt>
                <c:pt idx="2495">
                  <c:v>47.478346093749998</c:v>
                </c:pt>
                <c:pt idx="2496">
                  <c:v>47.479317187500001</c:v>
                </c:pt>
                <c:pt idx="2497">
                  <c:v>47.480244140624997</c:v>
                </c:pt>
                <c:pt idx="2498">
                  <c:v>47.48117109375</c:v>
                </c:pt>
                <c:pt idx="2499">
                  <c:v>47.482142187500003</c:v>
                </c:pt>
                <c:pt idx="2500">
                  <c:v>47.483069140624998</c:v>
                </c:pt>
                <c:pt idx="2501">
                  <c:v>47.484040234375001</c:v>
                </c:pt>
                <c:pt idx="2502">
                  <c:v>47.484967187499997</c:v>
                </c:pt>
                <c:pt idx="2503">
                  <c:v>47.48593828125</c:v>
                </c:pt>
                <c:pt idx="2504">
                  <c:v>47.486865234375003</c:v>
                </c:pt>
                <c:pt idx="2505">
                  <c:v>47.487836328124999</c:v>
                </c:pt>
                <c:pt idx="2506">
                  <c:v>47.488763281250002</c:v>
                </c:pt>
                <c:pt idx="2507">
                  <c:v>47.489734374999998</c:v>
                </c:pt>
                <c:pt idx="2508">
                  <c:v>47.490661328125</c:v>
                </c:pt>
                <c:pt idx="2509">
                  <c:v>47.491632421874996</c:v>
                </c:pt>
                <c:pt idx="2510">
                  <c:v>47.492559374999999</c:v>
                </c:pt>
                <c:pt idx="2511">
                  <c:v>47.493486328125002</c:v>
                </c:pt>
                <c:pt idx="2512">
                  <c:v>47.494457421874998</c:v>
                </c:pt>
                <c:pt idx="2513">
                  <c:v>47.495384375</c:v>
                </c:pt>
                <c:pt idx="2514">
                  <c:v>47.496355468749996</c:v>
                </c:pt>
                <c:pt idx="2515">
                  <c:v>47.497282421874999</c:v>
                </c:pt>
                <c:pt idx="2516">
                  <c:v>47.498253515625002</c:v>
                </c:pt>
                <c:pt idx="2517">
                  <c:v>47.499180468749998</c:v>
                </c:pt>
                <c:pt idx="2518">
                  <c:v>47.500151562500001</c:v>
                </c:pt>
                <c:pt idx="2519">
                  <c:v>47.501078515624997</c:v>
                </c:pt>
                <c:pt idx="2520">
                  <c:v>47.502049609375</c:v>
                </c:pt>
                <c:pt idx="2521">
                  <c:v>47.502976562500002</c:v>
                </c:pt>
                <c:pt idx="2522">
                  <c:v>47.503947656249998</c:v>
                </c:pt>
                <c:pt idx="2523">
                  <c:v>47.504874609375001</c:v>
                </c:pt>
                <c:pt idx="2524">
                  <c:v>47.505845703124997</c:v>
                </c:pt>
                <c:pt idx="2525">
                  <c:v>47.50677265625</c:v>
                </c:pt>
                <c:pt idx="2526">
                  <c:v>47.507699609375003</c:v>
                </c:pt>
                <c:pt idx="2527">
                  <c:v>47.508670703124999</c:v>
                </c:pt>
                <c:pt idx="2528">
                  <c:v>47.509597656250001</c:v>
                </c:pt>
                <c:pt idx="2529">
                  <c:v>47.510568749999997</c:v>
                </c:pt>
                <c:pt idx="2530">
                  <c:v>47.511495703125</c:v>
                </c:pt>
                <c:pt idx="2531">
                  <c:v>47.512466796875003</c:v>
                </c:pt>
                <c:pt idx="2532">
                  <c:v>47.513393749999999</c:v>
                </c:pt>
                <c:pt idx="2533">
                  <c:v>47.514364843750002</c:v>
                </c:pt>
                <c:pt idx="2534">
                  <c:v>47.515291796874997</c:v>
                </c:pt>
                <c:pt idx="2535">
                  <c:v>47.516262890625001</c:v>
                </c:pt>
                <c:pt idx="2536">
                  <c:v>47.517189843749996</c:v>
                </c:pt>
                <c:pt idx="2537">
                  <c:v>47.518160937499999</c:v>
                </c:pt>
                <c:pt idx="2538">
                  <c:v>47.519087890625002</c:v>
                </c:pt>
                <c:pt idx="2539">
                  <c:v>47.520058984374998</c:v>
                </c:pt>
                <c:pt idx="2540">
                  <c:v>47.520985937500001</c:v>
                </c:pt>
                <c:pt idx="2541">
                  <c:v>47.521912890624996</c:v>
                </c:pt>
                <c:pt idx="2542">
                  <c:v>47.522883984374999</c:v>
                </c:pt>
                <c:pt idx="2543">
                  <c:v>47.523810937500002</c:v>
                </c:pt>
                <c:pt idx="2544">
                  <c:v>47.524782031249998</c:v>
                </c:pt>
                <c:pt idx="2545">
                  <c:v>47.525708984375001</c:v>
                </c:pt>
                <c:pt idx="2546">
                  <c:v>47.526680078124997</c:v>
                </c:pt>
                <c:pt idx="2547">
                  <c:v>47.52760703125</c:v>
                </c:pt>
                <c:pt idx="2548">
                  <c:v>47.528578125000003</c:v>
                </c:pt>
                <c:pt idx="2549">
                  <c:v>47.529505078124998</c:v>
                </c:pt>
                <c:pt idx="2550">
                  <c:v>47.530476171875002</c:v>
                </c:pt>
                <c:pt idx="2551">
                  <c:v>47.531403124999997</c:v>
                </c:pt>
                <c:pt idx="2552">
                  <c:v>47.53237421875</c:v>
                </c:pt>
                <c:pt idx="2553">
                  <c:v>47.533301171874996</c:v>
                </c:pt>
                <c:pt idx="2554">
                  <c:v>47.534228124999998</c:v>
                </c:pt>
                <c:pt idx="2555">
                  <c:v>47.535199218750002</c:v>
                </c:pt>
                <c:pt idx="2556">
                  <c:v>47.536126171874997</c:v>
                </c:pt>
                <c:pt idx="2557">
                  <c:v>47.537097265625</c:v>
                </c:pt>
                <c:pt idx="2558">
                  <c:v>47.538024218749996</c:v>
                </c:pt>
                <c:pt idx="2559">
                  <c:v>47.538995312499999</c:v>
                </c:pt>
                <c:pt idx="2560">
                  <c:v>47.539922265625002</c:v>
                </c:pt>
                <c:pt idx="2561">
                  <c:v>47.540893359374998</c:v>
                </c:pt>
                <c:pt idx="2562">
                  <c:v>47.541820312500001</c:v>
                </c:pt>
                <c:pt idx="2563">
                  <c:v>47.542791406249997</c:v>
                </c:pt>
                <c:pt idx="2564">
                  <c:v>47.543718359374999</c:v>
                </c:pt>
                <c:pt idx="2565">
                  <c:v>47.544689453125002</c:v>
                </c:pt>
                <c:pt idx="2566">
                  <c:v>47.545616406249998</c:v>
                </c:pt>
                <c:pt idx="2567">
                  <c:v>47.546587500000001</c:v>
                </c:pt>
                <c:pt idx="2568">
                  <c:v>47.547514453124997</c:v>
                </c:pt>
                <c:pt idx="2569">
                  <c:v>47.548441406249999</c:v>
                </c:pt>
                <c:pt idx="2570">
                  <c:v>47.549412500000003</c:v>
                </c:pt>
                <c:pt idx="2571">
                  <c:v>47.550339453124998</c:v>
                </c:pt>
                <c:pt idx="2572">
                  <c:v>47.551310546875001</c:v>
                </c:pt>
                <c:pt idx="2573">
                  <c:v>47.552237499999997</c:v>
                </c:pt>
                <c:pt idx="2574">
                  <c:v>47.55320859375</c:v>
                </c:pt>
                <c:pt idx="2575">
                  <c:v>47.554135546875003</c:v>
                </c:pt>
                <c:pt idx="2576">
                  <c:v>47.555106640624999</c:v>
                </c:pt>
                <c:pt idx="2577">
                  <c:v>47.556033593750001</c:v>
                </c:pt>
                <c:pt idx="2578">
                  <c:v>47.557004687499997</c:v>
                </c:pt>
                <c:pt idx="2579">
                  <c:v>47.557931640625</c:v>
                </c:pt>
                <c:pt idx="2580">
                  <c:v>47.558902734374996</c:v>
                </c:pt>
                <c:pt idx="2581">
                  <c:v>47.559829687499999</c:v>
                </c:pt>
                <c:pt idx="2582">
                  <c:v>47.560756640625002</c:v>
                </c:pt>
                <c:pt idx="2583">
                  <c:v>47.561727734374998</c:v>
                </c:pt>
                <c:pt idx="2584">
                  <c:v>47.5626546875</c:v>
                </c:pt>
                <c:pt idx="2585">
                  <c:v>47.563625781249996</c:v>
                </c:pt>
                <c:pt idx="2586">
                  <c:v>47.564552734374999</c:v>
                </c:pt>
                <c:pt idx="2587">
                  <c:v>47.565523828125002</c:v>
                </c:pt>
                <c:pt idx="2588">
                  <c:v>47.566450781249998</c:v>
                </c:pt>
                <c:pt idx="2589">
                  <c:v>47.567421875000001</c:v>
                </c:pt>
                <c:pt idx="2590">
                  <c:v>47.568348828124996</c:v>
                </c:pt>
                <c:pt idx="2591">
                  <c:v>47.569319921875</c:v>
                </c:pt>
                <c:pt idx="2592">
                  <c:v>47.570246875000002</c:v>
                </c:pt>
                <c:pt idx="2593">
                  <c:v>47.571217968749998</c:v>
                </c:pt>
                <c:pt idx="2594">
                  <c:v>47.572144921875001</c:v>
                </c:pt>
                <c:pt idx="2595">
                  <c:v>47.573116015624997</c:v>
                </c:pt>
                <c:pt idx="2596">
                  <c:v>47.57404296875</c:v>
                </c:pt>
                <c:pt idx="2597">
                  <c:v>47.574969921875002</c:v>
                </c:pt>
                <c:pt idx="2598">
                  <c:v>47.575941015624998</c:v>
                </c:pt>
                <c:pt idx="2599">
                  <c:v>47.576867968750001</c:v>
                </c:pt>
                <c:pt idx="2600">
                  <c:v>47.577839062499997</c:v>
                </c:pt>
                <c:pt idx="2601">
                  <c:v>47.578766015625</c:v>
                </c:pt>
                <c:pt idx="2602">
                  <c:v>47.579737109375003</c:v>
                </c:pt>
                <c:pt idx="2603">
                  <c:v>47.580664062499999</c:v>
                </c:pt>
                <c:pt idx="2604">
                  <c:v>47.581635156250002</c:v>
                </c:pt>
                <c:pt idx="2605">
                  <c:v>47.582562109374997</c:v>
                </c:pt>
                <c:pt idx="2606">
                  <c:v>47.583533203125</c:v>
                </c:pt>
                <c:pt idx="2607">
                  <c:v>47.584460156250003</c:v>
                </c:pt>
                <c:pt idx="2608">
                  <c:v>47.585431249999999</c:v>
                </c:pt>
                <c:pt idx="2609">
                  <c:v>47.586358203125002</c:v>
                </c:pt>
                <c:pt idx="2610">
                  <c:v>47.587329296874998</c:v>
                </c:pt>
                <c:pt idx="2611">
                  <c:v>47.588256250000001</c:v>
                </c:pt>
                <c:pt idx="2612">
                  <c:v>47.589183203125003</c:v>
                </c:pt>
                <c:pt idx="2613">
                  <c:v>47.590154296874999</c:v>
                </c:pt>
                <c:pt idx="2614">
                  <c:v>47.591081250000002</c:v>
                </c:pt>
                <c:pt idx="2615">
                  <c:v>47.592052343749998</c:v>
                </c:pt>
                <c:pt idx="2616">
                  <c:v>47.592979296875001</c:v>
                </c:pt>
                <c:pt idx="2617">
                  <c:v>47.593950390624997</c:v>
                </c:pt>
                <c:pt idx="2618">
                  <c:v>47.594877343749999</c:v>
                </c:pt>
                <c:pt idx="2619">
                  <c:v>47.595848437500003</c:v>
                </c:pt>
                <c:pt idx="2620">
                  <c:v>47.596775390624998</c:v>
                </c:pt>
                <c:pt idx="2621">
                  <c:v>47.597746484375001</c:v>
                </c:pt>
                <c:pt idx="2622">
                  <c:v>47.598673437499997</c:v>
                </c:pt>
                <c:pt idx="2623">
                  <c:v>47.59964453125</c:v>
                </c:pt>
                <c:pt idx="2624">
                  <c:v>47.600571484375003</c:v>
                </c:pt>
                <c:pt idx="2625">
                  <c:v>47.601498437499998</c:v>
                </c:pt>
                <c:pt idx="2626">
                  <c:v>47.602469531250001</c:v>
                </c:pt>
                <c:pt idx="2627">
                  <c:v>47.603396484374997</c:v>
                </c:pt>
                <c:pt idx="2628">
                  <c:v>47.604367578125</c:v>
                </c:pt>
                <c:pt idx="2629">
                  <c:v>47.605294531250003</c:v>
                </c:pt>
                <c:pt idx="2630">
                  <c:v>47.606265624999999</c:v>
                </c:pt>
                <c:pt idx="2631">
                  <c:v>47.607192578125002</c:v>
                </c:pt>
                <c:pt idx="2632">
                  <c:v>47.608163671874998</c:v>
                </c:pt>
                <c:pt idx="2633">
                  <c:v>47.609090625</c:v>
                </c:pt>
                <c:pt idx="2634">
                  <c:v>47.610061718749996</c:v>
                </c:pt>
                <c:pt idx="2635">
                  <c:v>47.610988671874999</c:v>
                </c:pt>
                <c:pt idx="2636">
                  <c:v>47.611959765625002</c:v>
                </c:pt>
                <c:pt idx="2637">
                  <c:v>47.612886718749998</c:v>
                </c:pt>
                <c:pt idx="2638">
                  <c:v>47.613857812500001</c:v>
                </c:pt>
                <c:pt idx="2639">
                  <c:v>47.614784765624997</c:v>
                </c:pt>
                <c:pt idx="2640">
                  <c:v>47.615711718749999</c:v>
                </c:pt>
                <c:pt idx="2641">
                  <c:v>47.616682812500002</c:v>
                </c:pt>
                <c:pt idx="2642">
                  <c:v>47.617609765624998</c:v>
                </c:pt>
                <c:pt idx="2643">
                  <c:v>47.618580859375001</c:v>
                </c:pt>
                <c:pt idx="2644">
                  <c:v>47.619507812499997</c:v>
                </c:pt>
                <c:pt idx="2645">
                  <c:v>47.62047890625</c:v>
                </c:pt>
                <c:pt idx="2646">
                  <c:v>47.621405859375002</c:v>
                </c:pt>
                <c:pt idx="2647">
                  <c:v>47.622376953124999</c:v>
                </c:pt>
                <c:pt idx="2648">
                  <c:v>47.623303906250001</c:v>
                </c:pt>
                <c:pt idx="2649">
                  <c:v>47.624274999999997</c:v>
                </c:pt>
                <c:pt idx="2650">
                  <c:v>47.625201953125</c:v>
                </c:pt>
                <c:pt idx="2651">
                  <c:v>47.626173046874996</c:v>
                </c:pt>
                <c:pt idx="2652">
                  <c:v>47.627099999999999</c:v>
                </c:pt>
                <c:pt idx="2653">
                  <c:v>47.628026953125001</c:v>
                </c:pt>
                <c:pt idx="2654">
                  <c:v>47.628998046874997</c:v>
                </c:pt>
                <c:pt idx="2655">
                  <c:v>47.629925</c:v>
                </c:pt>
                <c:pt idx="2656">
                  <c:v>47.630896093749996</c:v>
                </c:pt>
                <c:pt idx="2657">
                  <c:v>47.631823046874999</c:v>
                </c:pt>
                <c:pt idx="2658">
                  <c:v>47.632794140625002</c:v>
                </c:pt>
                <c:pt idx="2659">
                  <c:v>47.633721093749998</c:v>
                </c:pt>
                <c:pt idx="2660">
                  <c:v>47.634692187500001</c:v>
                </c:pt>
                <c:pt idx="2661">
                  <c:v>47.635619140624996</c:v>
                </c:pt>
                <c:pt idx="2662">
                  <c:v>47.636590234374999</c:v>
                </c:pt>
                <c:pt idx="2663">
                  <c:v>47.637517187500002</c:v>
                </c:pt>
                <c:pt idx="2664">
                  <c:v>47.638488281249998</c:v>
                </c:pt>
                <c:pt idx="2665">
                  <c:v>47.639415234375001</c:v>
                </c:pt>
                <c:pt idx="2666">
                  <c:v>47.640386328124997</c:v>
                </c:pt>
                <c:pt idx="2667">
                  <c:v>47.64131328125</c:v>
                </c:pt>
                <c:pt idx="2668">
                  <c:v>47.642240234375002</c:v>
                </c:pt>
                <c:pt idx="2669">
                  <c:v>47.643211328124998</c:v>
                </c:pt>
                <c:pt idx="2670">
                  <c:v>47.644138281250001</c:v>
                </c:pt>
                <c:pt idx="2671">
                  <c:v>47.645109374999997</c:v>
                </c:pt>
                <c:pt idx="2672">
                  <c:v>47.646036328125</c:v>
                </c:pt>
                <c:pt idx="2673">
                  <c:v>47.647007421875003</c:v>
                </c:pt>
                <c:pt idx="2674">
                  <c:v>47.647934374999998</c:v>
                </c:pt>
                <c:pt idx="2675">
                  <c:v>47.648905468750002</c:v>
                </c:pt>
                <c:pt idx="2676">
                  <c:v>47.649832421874997</c:v>
                </c:pt>
                <c:pt idx="2677">
                  <c:v>47.650803515625</c:v>
                </c:pt>
                <c:pt idx="2678">
                  <c:v>47.651730468750003</c:v>
                </c:pt>
                <c:pt idx="2679">
                  <c:v>47.652701562499999</c:v>
                </c:pt>
                <c:pt idx="2680">
                  <c:v>47.653628515625002</c:v>
                </c:pt>
                <c:pt idx="2681">
                  <c:v>47.654599609374998</c:v>
                </c:pt>
                <c:pt idx="2682">
                  <c:v>47.6555265625</c:v>
                </c:pt>
                <c:pt idx="2683">
                  <c:v>47.656453515625003</c:v>
                </c:pt>
                <c:pt idx="2684">
                  <c:v>47.657424609374999</c:v>
                </c:pt>
                <c:pt idx="2685">
                  <c:v>47.658351562500002</c:v>
                </c:pt>
                <c:pt idx="2686">
                  <c:v>47.659322656249998</c:v>
                </c:pt>
                <c:pt idx="2687">
                  <c:v>47.660249609375001</c:v>
                </c:pt>
                <c:pt idx="2688">
                  <c:v>47.661220703124997</c:v>
                </c:pt>
                <c:pt idx="2689">
                  <c:v>47.662147656249999</c:v>
                </c:pt>
                <c:pt idx="2690">
                  <c:v>47.663118750000002</c:v>
                </c:pt>
                <c:pt idx="2691">
                  <c:v>47.664045703124998</c:v>
                </c:pt>
                <c:pt idx="2692">
                  <c:v>47.665016796875001</c:v>
                </c:pt>
                <c:pt idx="2693">
                  <c:v>47.665943749999997</c:v>
                </c:pt>
                <c:pt idx="2694">
                  <c:v>47.66691484375</c:v>
                </c:pt>
                <c:pt idx="2695">
                  <c:v>47.667841796875003</c:v>
                </c:pt>
                <c:pt idx="2696">
                  <c:v>47.668768749999998</c:v>
                </c:pt>
                <c:pt idx="2697">
                  <c:v>47.669739843750001</c:v>
                </c:pt>
                <c:pt idx="2698">
                  <c:v>47.670666796874997</c:v>
                </c:pt>
                <c:pt idx="2699">
                  <c:v>47.671637890625</c:v>
                </c:pt>
                <c:pt idx="2700">
                  <c:v>47.672564843750003</c:v>
                </c:pt>
                <c:pt idx="2701">
                  <c:v>47.673535937499999</c:v>
                </c:pt>
                <c:pt idx="2702">
                  <c:v>47.674462890625001</c:v>
                </c:pt>
                <c:pt idx="2703">
                  <c:v>47.675433984374997</c:v>
                </c:pt>
                <c:pt idx="2704">
                  <c:v>47.6763609375</c:v>
                </c:pt>
                <c:pt idx="2705">
                  <c:v>47.677332031250003</c:v>
                </c:pt>
                <c:pt idx="2706">
                  <c:v>47.678258984374999</c:v>
                </c:pt>
                <c:pt idx="2707">
                  <c:v>47.679230078125002</c:v>
                </c:pt>
                <c:pt idx="2708">
                  <c:v>47.680157031249998</c:v>
                </c:pt>
                <c:pt idx="2709">
                  <c:v>47.681128125000001</c:v>
                </c:pt>
                <c:pt idx="2710">
                  <c:v>47.682055078124996</c:v>
                </c:pt>
                <c:pt idx="2711">
                  <c:v>47.682982031249999</c:v>
                </c:pt>
                <c:pt idx="2712">
                  <c:v>47.683953125000002</c:v>
                </c:pt>
                <c:pt idx="2713">
                  <c:v>47.684880078124998</c:v>
                </c:pt>
                <c:pt idx="2714">
                  <c:v>47.685851171875001</c:v>
                </c:pt>
                <c:pt idx="2715">
                  <c:v>47.686778124999996</c:v>
                </c:pt>
                <c:pt idx="2716">
                  <c:v>47.68774921875</c:v>
                </c:pt>
                <c:pt idx="2717">
                  <c:v>47.688676171875002</c:v>
                </c:pt>
                <c:pt idx="2718">
                  <c:v>47.689647265624998</c:v>
                </c:pt>
                <c:pt idx="2719">
                  <c:v>47.690574218750001</c:v>
                </c:pt>
                <c:pt idx="2720">
                  <c:v>47.691545312499997</c:v>
                </c:pt>
                <c:pt idx="2721">
                  <c:v>47.692472265625</c:v>
                </c:pt>
                <c:pt idx="2722">
                  <c:v>47.693443359375003</c:v>
                </c:pt>
                <c:pt idx="2723">
                  <c:v>47.694370312499998</c:v>
                </c:pt>
                <c:pt idx="2724">
                  <c:v>47.695297265625001</c:v>
                </c:pt>
                <c:pt idx="2725">
                  <c:v>47.696268359374997</c:v>
                </c:pt>
                <c:pt idx="2726">
                  <c:v>47.6971953125</c:v>
                </c:pt>
                <c:pt idx="2727">
                  <c:v>47.698166406249996</c:v>
                </c:pt>
                <c:pt idx="2728">
                  <c:v>47.699093359374999</c:v>
                </c:pt>
                <c:pt idx="2729">
                  <c:v>47.700064453125002</c:v>
                </c:pt>
                <c:pt idx="2730">
                  <c:v>47.700991406249997</c:v>
                </c:pt>
                <c:pt idx="2731">
                  <c:v>47.7019625</c:v>
                </c:pt>
                <c:pt idx="2732">
                  <c:v>47.702889453124996</c:v>
                </c:pt>
                <c:pt idx="2733">
                  <c:v>47.703860546874999</c:v>
                </c:pt>
                <c:pt idx="2734">
                  <c:v>47.704787500000002</c:v>
                </c:pt>
                <c:pt idx="2735">
                  <c:v>47.705758593749998</c:v>
                </c:pt>
                <c:pt idx="2736">
                  <c:v>47.706685546875001</c:v>
                </c:pt>
                <c:pt idx="2737">
                  <c:v>47.707656640624997</c:v>
                </c:pt>
                <c:pt idx="2738">
                  <c:v>47.708583593749999</c:v>
                </c:pt>
                <c:pt idx="2739">
                  <c:v>47.709510546875002</c:v>
                </c:pt>
                <c:pt idx="2740">
                  <c:v>47.710481640624998</c:v>
                </c:pt>
                <c:pt idx="2741">
                  <c:v>47.711408593750001</c:v>
                </c:pt>
                <c:pt idx="2742">
                  <c:v>47.712379687499997</c:v>
                </c:pt>
                <c:pt idx="2743">
                  <c:v>47.713306640624999</c:v>
                </c:pt>
                <c:pt idx="2744">
                  <c:v>47.714277734375003</c:v>
                </c:pt>
                <c:pt idx="2745">
                  <c:v>47.715204687499998</c:v>
                </c:pt>
                <c:pt idx="2746">
                  <c:v>47.716175781250001</c:v>
                </c:pt>
                <c:pt idx="2747">
                  <c:v>47.717102734374997</c:v>
                </c:pt>
                <c:pt idx="2748">
                  <c:v>47.718073828125</c:v>
                </c:pt>
                <c:pt idx="2749">
                  <c:v>47.719000781250003</c:v>
                </c:pt>
                <c:pt idx="2750">
                  <c:v>47.719971874999999</c:v>
                </c:pt>
                <c:pt idx="2751">
                  <c:v>47.720898828125002</c:v>
                </c:pt>
                <c:pt idx="2752">
                  <c:v>47.721869921874998</c:v>
                </c:pt>
                <c:pt idx="2753">
                  <c:v>47.722796875</c:v>
                </c:pt>
                <c:pt idx="2754">
                  <c:v>47.723723828125003</c:v>
                </c:pt>
                <c:pt idx="2755">
                  <c:v>47.724694921874999</c:v>
                </c:pt>
                <c:pt idx="2756">
                  <c:v>47.725621875000002</c:v>
                </c:pt>
                <c:pt idx="2757">
                  <c:v>47.726592968749998</c:v>
                </c:pt>
                <c:pt idx="2758">
                  <c:v>47.727519921875</c:v>
                </c:pt>
                <c:pt idx="2759">
                  <c:v>47.728491015624996</c:v>
                </c:pt>
                <c:pt idx="2760">
                  <c:v>47.729417968749999</c:v>
                </c:pt>
                <c:pt idx="2761">
                  <c:v>47.730389062500002</c:v>
                </c:pt>
                <c:pt idx="2762">
                  <c:v>47.731316015624998</c:v>
                </c:pt>
                <c:pt idx="2763">
                  <c:v>47.732287109375001</c:v>
                </c:pt>
                <c:pt idx="2764">
                  <c:v>47.733214062499997</c:v>
                </c:pt>
                <c:pt idx="2765">
                  <c:v>47.73418515625</c:v>
                </c:pt>
                <c:pt idx="2766">
                  <c:v>47.735112109375002</c:v>
                </c:pt>
                <c:pt idx="2767">
                  <c:v>47.736039062499998</c:v>
                </c:pt>
                <c:pt idx="2768">
                  <c:v>47.737010156250001</c:v>
                </c:pt>
                <c:pt idx="2769">
                  <c:v>47.737937109374997</c:v>
                </c:pt>
                <c:pt idx="2770">
                  <c:v>47.738908203125</c:v>
                </c:pt>
                <c:pt idx="2771">
                  <c:v>47.739835156250003</c:v>
                </c:pt>
                <c:pt idx="2772">
                  <c:v>47.740806249999999</c:v>
                </c:pt>
                <c:pt idx="2773">
                  <c:v>47.741733203125001</c:v>
                </c:pt>
                <c:pt idx="2774">
                  <c:v>47.742704296874997</c:v>
                </c:pt>
                <c:pt idx="2775">
                  <c:v>47.74363125</c:v>
                </c:pt>
                <c:pt idx="2776">
                  <c:v>47.744602343750003</c:v>
                </c:pt>
                <c:pt idx="2777">
                  <c:v>47.745529296874999</c:v>
                </c:pt>
                <c:pt idx="2778">
                  <c:v>47.746500390625002</c:v>
                </c:pt>
                <c:pt idx="2779">
                  <c:v>47.747427343749997</c:v>
                </c:pt>
                <c:pt idx="2780">
                  <c:v>47.748398437500001</c:v>
                </c:pt>
                <c:pt idx="2781">
                  <c:v>47.749325390625003</c:v>
                </c:pt>
                <c:pt idx="2782">
                  <c:v>47.750252343749999</c:v>
                </c:pt>
                <c:pt idx="2783">
                  <c:v>47.751223437500002</c:v>
                </c:pt>
                <c:pt idx="2784">
                  <c:v>47.752150390624998</c:v>
                </c:pt>
                <c:pt idx="2785">
                  <c:v>47.753121484375001</c:v>
                </c:pt>
                <c:pt idx="2786">
                  <c:v>47.754048437500003</c:v>
                </c:pt>
                <c:pt idx="2787">
                  <c:v>47.755019531249999</c:v>
                </c:pt>
                <c:pt idx="2788">
                  <c:v>47.755946484375002</c:v>
                </c:pt>
                <c:pt idx="2789">
                  <c:v>47.756917578124998</c:v>
                </c:pt>
                <c:pt idx="2790">
                  <c:v>47.757844531250001</c:v>
                </c:pt>
                <c:pt idx="2791">
                  <c:v>47.758815624999997</c:v>
                </c:pt>
                <c:pt idx="2792">
                  <c:v>47.759742578125</c:v>
                </c:pt>
                <c:pt idx="2793">
                  <c:v>47.760713671875003</c:v>
                </c:pt>
                <c:pt idx="2794">
                  <c:v>47.761640624999998</c:v>
                </c:pt>
                <c:pt idx="2795">
                  <c:v>47.762567578125001</c:v>
                </c:pt>
                <c:pt idx="2796">
                  <c:v>47.763538671874997</c:v>
                </c:pt>
                <c:pt idx="2797">
                  <c:v>47.764465625</c:v>
                </c:pt>
                <c:pt idx="2798">
                  <c:v>47.765436718750003</c:v>
                </c:pt>
                <c:pt idx="2799">
                  <c:v>47.766363671874998</c:v>
                </c:pt>
                <c:pt idx="2800">
                  <c:v>47.767334765625002</c:v>
                </c:pt>
                <c:pt idx="2801">
                  <c:v>47.768261718749997</c:v>
                </c:pt>
                <c:pt idx="2802">
                  <c:v>47.7692328125</c:v>
                </c:pt>
                <c:pt idx="2803">
                  <c:v>47.770159765625003</c:v>
                </c:pt>
                <c:pt idx="2804">
                  <c:v>47.771130859374999</c:v>
                </c:pt>
                <c:pt idx="2805">
                  <c:v>47.772057812500002</c:v>
                </c:pt>
                <c:pt idx="2806">
                  <c:v>47.773028906249998</c:v>
                </c:pt>
                <c:pt idx="2807">
                  <c:v>47.773955859375</c:v>
                </c:pt>
                <c:pt idx="2808">
                  <c:v>47.774926953124996</c:v>
                </c:pt>
                <c:pt idx="2809">
                  <c:v>47.775853906249999</c:v>
                </c:pt>
                <c:pt idx="2810">
                  <c:v>47.776780859375002</c:v>
                </c:pt>
                <c:pt idx="2811">
                  <c:v>47.777751953124998</c:v>
                </c:pt>
                <c:pt idx="2812">
                  <c:v>47.778678906250001</c:v>
                </c:pt>
                <c:pt idx="2813">
                  <c:v>47.779649999999997</c:v>
                </c:pt>
                <c:pt idx="2814">
                  <c:v>47.780576953124999</c:v>
                </c:pt>
                <c:pt idx="2815">
                  <c:v>47.781548046875002</c:v>
                </c:pt>
                <c:pt idx="2816">
                  <c:v>47.782474999999998</c:v>
                </c:pt>
                <c:pt idx="2817">
                  <c:v>47.783446093750001</c:v>
                </c:pt>
                <c:pt idx="2818">
                  <c:v>47.784373046874997</c:v>
                </c:pt>
                <c:pt idx="2819">
                  <c:v>47.785344140625</c:v>
                </c:pt>
                <c:pt idx="2820">
                  <c:v>47.786271093750003</c:v>
                </c:pt>
                <c:pt idx="2821">
                  <c:v>47.787242187499999</c:v>
                </c:pt>
                <c:pt idx="2822">
                  <c:v>47.788169140625001</c:v>
                </c:pt>
                <c:pt idx="2823">
                  <c:v>47.789140234374997</c:v>
                </c:pt>
                <c:pt idx="2824">
                  <c:v>47.7900671875</c:v>
                </c:pt>
                <c:pt idx="2825">
                  <c:v>47.790994140625003</c:v>
                </c:pt>
                <c:pt idx="2826">
                  <c:v>47.791965234374999</c:v>
                </c:pt>
                <c:pt idx="2827">
                  <c:v>47.792892187500001</c:v>
                </c:pt>
                <c:pt idx="2828">
                  <c:v>47.793863281249997</c:v>
                </c:pt>
                <c:pt idx="2829">
                  <c:v>47.794790234375</c:v>
                </c:pt>
                <c:pt idx="2830">
                  <c:v>47.795761328124996</c:v>
                </c:pt>
                <c:pt idx="2831">
                  <c:v>47.796688281249999</c:v>
                </c:pt>
                <c:pt idx="2832">
                  <c:v>47.797659375000002</c:v>
                </c:pt>
                <c:pt idx="2833">
                  <c:v>47.798586328124998</c:v>
                </c:pt>
                <c:pt idx="2834">
                  <c:v>47.799557421875001</c:v>
                </c:pt>
                <c:pt idx="2835">
                  <c:v>47.800484374999996</c:v>
                </c:pt>
                <c:pt idx="2836">
                  <c:v>47.80145546875</c:v>
                </c:pt>
                <c:pt idx="2837">
                  <c:v>47.802382421875002</c:v>
                </c:pt>
                <c:pt idx="2838">
                  <c:v>47.803309374999998</c:v>
                </c:pt>
                <c:pt idx="2839">
                  <c:v>47.804280468750001</c:v>
                </c:pt>
                <c:pt idx="2840">
                  <c:v>47.805207421874996</c:v>
                </c:pt>
                <c:pt idx="2841">
                  <c:v>47.806178515625</c:v>
                </c:pt>
                <c:pt idx="2842">
                  <c:v>47.807105468750002</c:v>
                </c:pt>
                <c:pt idx="2843">
                  <c:v>47.808076562499998</c:v>
                </c:pt>
                <c:pt idx="2844">
                  <c:v>47.809003515625001</c:v>
                </c:pt>
                <c:pt idx="2845">
                  <c:v>47.809974609374997</c:v>
                </c:pt>
                <c:pt idx="2846">
                  <c:v>47.8109015625</c:v>
                </c:pt>
                <c:pt idx="2847">
                  <c:v>47.811872656250003</c:v>
                </c:pt>
                <c:pt idx="2848">
                  <c:v>47.812799609374999</c:v>
                </c:pt>
                <c:pt idx="2849">
                  <c:v>47.813770703125002</c:v>
                </c:pt>
                <c:pt idx="2850">
                  <c:v>47.814697656249997</c:v>
                </c:pt>
                <c:pt idx="2851">
                  <c:v>47.81566875</c:v>
                </c:pt>
                <c:pt idx="2852">
                  <c:v>47.816595703125003</c:v>
                </c:pt>
                <c:pt idx="2853">
                  <c:v>47.817522656249999</c:v>
                </c:pt>
                <c:pt idx="2854">
                  <c:v>47.818493750000002</c:v>
                </c:pt>
                <c:pt idx="2855">
                  <c:v>47.819420703124997</c:v>
                </c:pt>
                <c:pt idx="2856">
                  <c:v>47.820391796875001</c:v>
                </c:pt>
                <c:pt idx="2857">
                  <c:v>47.821318750000003</c:v>
                </c:pt>
                <c:pt idx="2858">
                  <c:v>47.822289843749999</c:v>
                </c:pt>
                <c:pt idx="2859">
                  <c:v>47.823216796875002</c:v>
                </c:pt>
                <c:pt idx="2860">
                  <c:v>47.824187890624998</c:v>
                </c:pt>
                <c:pt idx="2861">
                  <c:v>47.825114843750001</c:v>
                </c:pt>
                <c:pt idx="2862">
                  <c:v>47.826085937499997</c:v>
                </c:pt>
                <c:pt idx="2863">
                  <c:v>47.827012890624999</c:v>
                </c:pt>
                <c:pt idx="2864">
                  <c:v>47.827983984375003</c:v>
                </c:pt>
                <c:pt idx="2865">
                  <c:v>47.828910937499998</c:v>
                </c:pt>
                <c:pt idx="2866">
                  <c:v>47.829837890625001</c:v>
                </c:pt>
                <c:pt idx="2867">
                  <c:v>47.830808984374997</c:v>
                </c:pt>
                <c:pt idx="2868">
                  <c:v>47.8317359375</c:v>
                </c:pt>
                <c:pt idx="2869">
                  <c:v>47.832707031250003</c:v>
                </c:pt>
                <c:pt idx="2870">
                  <c:v>47.833633984374998</c:v>
                </c:pt>
                <c:pt idx="2871">
                  <c:v>47.834605078125001</c:v>
                </c:pt>
                <c:pt idx="2872">
                  <c:v>47.835532031249997</c:v>
                </c:pt>
                <c:pt idx="2873">
                  <c:v>47.836503125</c:v>
                </c:pt>
                <c:pt idx="2874">
                  <c:v>47.837430078125003</c:v>
                </c:pt>
                <c:pt idx="2875">
                  <c:v>47.838401171874999</c:v>
                </c:pt>
                <c:pt idx="2876">
                  <c:v>47.839328125000002</c:v>
                </c:pt>
                <c:pt idx="2877">
                  <c:v>47.840299218749998</c:v>
                </c:pt>
                <c:pt idx="2878">
                  <c:v>47.841226171875</c:v>
                </c:pt>
                <c:pt idx="2879">
                  <c:v>47.842197265625003</c:v>
                </c:pt>
                <c:pt idx="2880">
                  <c:v>47.843124218749999</c:v>
                </c:pt>
                <c:pt idx="2881">
                  <c:v>47.844051171875002</c:v>
                </c:pt>
                <c:pt idx="2882">
                  <c:v>47.845022265624998</c:v>
                </c:pt>
                <c:pt idx="2883">
                  <c:v>47.84594921875</c:v>
                </c:pt>
                <c:pt idx="2884">
                  <c:v>47.846920312500004</c:v>
                </c:pt>
                <c:pt idx="2885">
                  <c:v>47.847847265624999</c:v>
                </c:pt>
                <c:pt idx="2886">
                  <c:v>47.848818359375002</c:v>
                </c:pt>
                <c:pt idx="2887">
                  <c:v>47.849745312499998</c:v>
                </c:pt>
                <c:pt idx="2888">
                  <c:v>47.850716406250001</c:v>
                </c:pt>
                <c:pt idx="2889">
                  <c:v>47.851643359374997</c:v>
                </c:pt>
                <c:pt idx="2890">
                  <c:v>47.852614453125</c:v>
                </c:pt>
                <c:pt idx="2891">
                  <c:v>47.853541406250002</c:v>
                </c:pt>
                <c:pt idx="2892">
                  <c:v>47.854512499999998</c:v>
                </c:pt>
                <c:pt idx="2893">
                  <c:v>47.855439453125001</c:v>
                </c:pt>
                <c:pt idx="2894">
                  <c:v>47.856410546874997</c:v>
                </c:pt>
                <c:pt idx="2895">
                  <c:v>47.8573375</c:v>
                </c:pt>
                <c:pt idx="2896">
                  <c:v>47.858264453125003</c:v>
                </c:pt>
                <c:pt idx="2897">
                  <c:v>47.859235546874999</c:v>
                </c:pt>
                <c:pt idx="2898">
                  <c:v>47.860162500000001</c:v>
                </c:pt>
                <c:pt idx="2899">
                  <c:v>47.861133593749997</c:v>
                </c:pt>
                <c:pt idx="2900">
                  <c:v>47.862060546875</c:v>
                </c:pt>
                <c:pt idx="2901">
                  <c:v>47.863031640625003</c:v>
                </c:pt>
                <c:pt idx="2902">
                  <c:v>47.863958593749999</c:v>
                </c:pt>
                <c:pt idx="2903">
                  <c:v>47.864929687500002</c:v>
                </c:pt>
                <c:pt idx="2904">
                  <c:v>47.865856640624997</c:v>
                </c:pt>
                <c:pt idx="2905">
                  <c:v>47.866827734375001</c:v>
                </c:pt>
                <c:pt idx="2906">
                  <c:v>47.867754687499996</c:v>
                </c:pt>
                <c:pt idx="2907">
                  <c:v>47.868725781249999</c:v>
                </c:pt>
                <c:pt idx="2908">
                  <c:v>47.869652734375002</c:v>
                </c:pt>
                <c:pt idx="2909">
                  <c:v>47.870579687499998</c:v>
                </c:pt>
                <c:pt idx="2910">
                  <c:v>47.871550781250001</c:v>
                </c:pt>
                <c:pt idx="2911">
                  <c:v>47.872477734374996</c:v>
                </c:pt>
                <c:pt idx="2912">
                  <c:v>47.873448828124999</c:v>
                </c:pt>
                <c:pt idx="2913">
                  <c:v>47.874375781250002</c:v>
                </c:pt>
                <c:pt idx="2914">
                  <c:v>47.875346874999998</c:v>
                </c:pt>
                <c:pt idx="2915">
                  <c:v>47.876273828125001</c:v>
                </c:pt>
                <c:pt idx="2916">
                  <c:v>47.877244921874997</c:v>
                </c:pt>
                <c:pt idx="2917">
                  <c:v>47.878171875</c:v>
                </c:pt>
                <c:pt idx="2918">
                  <c:v>47.879142968750003</c:v>
                </c:pt>
                <c:pt idx="2919">
                  <c:v>47.880069921874998</c:v>
                </c:pt>
                <c:pt idx="2920">
                  <c:v>47.881041015625001</c:v>
                </c:pt>
                <c:pt idx="2921">
                  <c:v>47.881967968749997</c:v>
                </c:pt>
                <c:pt idx="2922">
                  <c:v>47.8829390625</c:v>
                </c:pt>
                <c:pt idx="2923">
                  <c:v>47.883866015625003</c:v>
                </c:pt>
                <c:pt idx="2924">
                  <c:v>47.884792968749998</c:v>
                </c:pt>
                <c:pt idx="2925">
                  <c:v>47.885764062500002</c:v>
                </c:pt>
                <c:pt idx="2926">
                  <c:v>47.886691015624997</c:v>
                </c:pt>
                <c:pt idx="2927">
                  <c:v>47.887662109375</c:v>
                </c:pt>
                <c:pt idx="2928">
                  <c:v>47.888589062500003</c:v>
                </c:pt>
                <c:pt idx="2929">
                  <c:v>47.889560156249999</c:v>
                </c:pt>
                <c:pt idx="2930">
                  <c:v>47.890487109375002</c:v>
                </c:pt>
                <c:pt idx="2931">
                  <c:v>47.891458203124998</c:v>
                </c:pt>
                <c:pt idx="2932">
                  <c:v>47.89238515625</c:v>
                </c:pt>
                <c:pt idx="2933">
                  <c:v>47.893356249999997</c:v>
                </c:pt>
                <c:pt idx="2934">
                  <c:v>47.894283203124999</c:v>
                </c:pt>
                <c:pt idx="2935">
                  <c:v>47.895254296875002</c:v>
                </c:pt>
                <c:pt idx="2936">
                  <c:v>47.896181249999998</c:v>
                </c:pt>
                <c:pt idx="2937">
                  <c:v>47.897108203125001</c:v>
                </c:pt>
                <c:pt idx="2938">
                  <c:v>47.898079296874997</c:v>
                </c:pt>
                <c:pt idx="2939">
                  <c:v>47.899006249999999</c:v>
                </c:pt>
                <c:pt idx="2940">
                  <c:v>47.899977343750002</c:v>
                </c:pt>
                <c:pt idx="2941">
                  <c:v>47.900904296874998</c:v>
                </c:pt>
                <c:pt idx="2942">
                  <c:v>47.901875390625001</c:v>
                </c:pt>
                <c:pt idx="2943">
                  <c:v>47.902802343749997</c:v>
                </c:pt>
                <c:pt idx="2944">
                  <c:v>47.9037734375</c:v>
                </c:pt>
                <c:pt idx="2945">
                  <c:v>47.904700390625003</c:v>
                </c:pt>
                <c:pt idx="2946">
                  <c:v>47.905671484374999</c:v>
                </c:pt>
                <c:pt idx="2947">
                  <c:v>47.906598437500001</c:v>
                </c:pt>
                <c:pt idx="2948">
                  <c:v>47.907569531249997</c:v>
                </c:pt>
                <c:pt idx="2949">
                  <c:v>47.908496484375</c:v>
                </c:pt>
                <c:pt idx="2950">
                  <c:v>47.909467578125003</c:v>
                </c:pt>
                <c:pt idx="2951">
                  <c:v>47.910394531249999</c:v>
                </c:pt>
                <c:pt idx="2952">
                  <c:v>47.911321484375001</c:v>
                </c:pt>
                <c:pt idx="2953">
                  <c:v>47.912292578124998</c:v>
                </c:pt>
                <c:pt idx="2954">
                  <c:v>47.91321953125</c:v>
                </c:pt>
                <c:pt idx="2955">
                  <c:v>47.914190625000003</c:v>
                </c:pt>
                <c:pt idx="2956">
                  <c:v>47.915117578124999</c:v>
                </c:pt>
                <c:pt idx="2957">
                  <c:v>47.916088671875002</c:v>
                </c:pt>
                <c:pt idx="2958">
                  <c:v>47.917015624999998</c:v>
                </c:pt>
                <c:pt idx="2959">
                  <c:v>47.917986718750001</c:v>
                </c:pt>
                <c:pt idx="2960">
                  <c:v>47.918913671875004</c:v>
                </c:pt>
                <c:pt idx="2961">
                  <c:v>47.919884765625</c:v>
                </c:pt>
                <c:pt idx="2962">
                  <c:v>47.920811718750002</c:v>
                </c:pt>
                <c:pt idx="2963">
                  <c:v>47.921782812499998</c:v>
                </c:pt>
                <c:pt idx="2964">
                  <c:v>47.922709765625001</c:v>
                </c:pt>
                <c:pt idx="2965">
                  <c:v>47.923680859374997</c:v>
                </c:pt>
                <c:pt idx="2966">
                  <c:v>47.9246078125</c:v>
                </c:pt>
                <c:pt idx="2967">
                  <c:v>47.925534765625002</c:v>
                </c:pt>
                <c:pt idx="2968">
                  <c:v>47.926505859374998</c:v>
                </c:pt>
                <c:pt idx="2969">
                  <c:v>47.927432812500001</c:v>
                </c:pt>
                <c:pt idx="2970">
                  <c:v>47.928403906249997</c:v>
                </c:pt>
                <c:pt idx="2971">
                  <c:v>47.929330859375</c:v>
                </c:pt>
                <c:pt idx="2972">
                  <c:v>47.930301953125003</c:v>
                </c:pt>
                <c:pt idx="2973">
                  <c:v>47.931228906249999</c:v>
                </c:pt>
                <c:pt idx="2974">
                  <c:v>47.932200000000002</c:v>
                </c:pt>
                <c:pt idx="2975">
                  <c:v>47.933126953124997</c:v>
                </c:pt>
                <c:pt idx="2976">
                  <c:v>47.934098046875</c:v>
                </c:pt>
                <c:pt idx="2977">
                  <c:v>47.935025000000003</c:v>
                </c:pt>
                <c:pt idx="2978">
                  <c:v>47.935996093749999</c:v>
                </c:pt>
                <c:pt idx="2979">
                  <c:v>47.936923046875002</c:v>
                </c:pt>
                <c:pt idx="2980">
                  <c:v>47.937849999999997</c:v>
                </c:pt>
                <c:pt idx="2981">
                  <c:v>47.938821093750001</c:v>
                </c:pt>
                <c:pt idx="2982">
                  <c:v>47.939748046875003</c:v>
                </c:pt>
                <c:pt idx="2983">
                  <c:v>47.940719140624999</c:v>
                </c:pt>
                <c:pt idx="2984">
                  <c:v>47.941646093750002</c:v>
                </c:pt>
                <c:pt idx="2985">
                  <c:v>47.942617187499998</c:v>
                </c:pt>
                <c:pt idx="2986">
                  <c:v>47.943544140625001</c:v>
                </c:pt>
                <c:pt idx="2987">
                  <c:v>47.944515234374997</c:v>
                </c:pt>
                <c:pt idx="2988">
                  <c:v>47.945442187499999</c:v>
                </c:pt>
                <c:pt idx="2989">
                  <c:v>47.946413281250003</c:v>
                </c:pt>
                <c:pt idx="2990">
                  <c:v>47.947340234374998</c:v>
                </c:pt>
                <c:pt idx="2991">
                  <c:v>47.948311328125001</c:v>
                </c:pt>
                <c:pt idx="2992">
                  <c:v>47.949238281249997</c:v>
                </c:pt>
                <c:pt idx="2993">
                  <c:v>47.950209375</c:v>
                </c:pt>
                <c:pt idx="2994">
                  <c:v>47.951136328125003</c:v>
                </c:pt>
                <c:pt idx="2995">
                  <c:v>47.952063281249998</c:v>
                </c:pt>
                <c:pt idx="2996">
                  <c:v>47.953034375000001</c:v>
                </c:pt>
                <c:pt idx="2997">
                  <c:v>47.953961328124997</c:v>
                </c:pt>
                <c:pt idx="2998">
                  <c:v>47.954932421875</c:v>
                </c:pt>
                <c:pt idx="2999">
                  <c:v>47.955859375000003</c:v>
                </c:pt>
                <c:pt idx="3000">
                  <c:v>47.956830468749999</c:v>
                </c:pt>
                <c:pt idx="3001">
                  <c:v>47.957757421875002</c:v>
                </c:pt>
                <c:pt idx="3002">
                  <c:v>47.958728515624998</c:v>
                </c:pt>
                <c:pt idx="3003">
                  <c:v>47.95965546875</c:v>
                </c:pt>
                <c:pt idx="3004">
                  <c:v>47.960626562499996</c:v>
                </c:pt>
                <c:pt idx="3005">
                  <c:v>47.961553515624999</c:v>
                </c:pt>
                <c:pt idx="3006">
                  <c:v>47.962524609375002</c:v>
                </c:pt>
                <c:pt idx="3007">
                  <c:v>47.963451562499998</c:v>
                </c:pt>
                <c:pt idx="3008">
                  <c:v>47.964378515625</c:v>
                </c:pt>
                <c:pt idx="3009">
                  <c:v>47.965349609374996</c:v>
                </c:pt>
                <c:pt idx="3010">
                  <c:v>47.966276562499999</c:v>
                </c:pt>
                <c:pt idx="3011">
                  <c:v>47.967247656250002</c:v>
                </c:pt>
                <c:pt idx="3012">
                  <c:v>47.968174609374998</c:v>
                </c:pt>
                <c:pt idx="3013">
                  <c:v>47.969145703125001</c:v>
                </c:pt>
                <c:pt idx="3014">
                  <c:v>47.970072656249997</c:v>
                </c:pt>
                <c:pt idx="3015">
                  <c:v>47.97104375</c:v>
                </c:pt>
                <c:pt idx="3016">
                  <c:v>47.971970703125002</c:v>
                </c:pt>
                <c:pt idx="3017">
                  <c:v>47.972941796874998</c:v>
                </c:pt>
                <c:pt idx="3018">
                  <c:v>47.973868750000001</c:v>
                </c:pt>
                <c:pt idx="3019">
                  <c:v>47.974839843749997</c:v>
                </c:pt>
                <c:pt idx="3020">
                  <c:v>47.975766796875</c:v>
                </c:pt>
                <c:pt idx="3021">
                  <c:v>47.976737890625003</c:v>
                </c:pt>
                <c:pt idx="3022">
                  <c:v>47.977664843749999</c:v>
                </c:pt>
                <c:pt idx="3023">
                  <c:v>47.978591796875001</c:v>
                </c:pt>
                <c:pt idx="3024">
                  <c:v>47.979562890624997</c:v>
                </c:pt>
                <c:pt idx="3025">
                  <c:v>47.98048984375</c:v>
                </c:pt>
                <c:pt idx="3026">
                  <c:v>47.981460937500003</c:v>
                </c:pt>
                <c:pt idx="3027">
                  <c:v>47.982387890624999</c:v>
                </c:pt>
                <c:pt idx="3028">
                  <c:v>47.983358984375002</c:v>
                </c:pt>
                <c:pt idx="3029">
                  <c:v>47.984285937499997</c:v>
                </c:pt>
                <c:pt idx="3030">
                  <c:v>47.985257031250001</c:v>
                </c:pt>
                <c:pt idx="3031">
                  <c:v>47.986183984375003</c:v>
                </c:pt>
                <c:pt idx="3032">
                  <c:v>47.987155078124999</c:v>
                </c:pt>
                <c:pt idx="3033">
                  <c:v>47.988082031250002</c:v>
                </c:pt>
                <c:pt idx="3034">
                  <c:v>47.989053124999998</c:v>
                </c:pt>
                <c:pt idx="3035">
                  <c:v>47.989980078125001</c:v>
                </c:pt>
                <c:pt idx="3036">
                  <c:v>47.990951171874997</c:v>
                </c:pt>
                <c:pt idx="3037">
                  <c:v>47.991878124999999</c:v>
                </c:pt>
                <c:pt idx="3038">
                  <c:v>47.992805078125002</c:v>
                </c:pt>
                <c:pt idx="3039">
                  <c:v>47.993776171874998</c:v>
                </c:pt>
                <c:pt idx="3040">
                  <c:v>47.994703125000001</c:v>
                </c:pt>
                <c:pt idx="3041">
                  <c:v>47.995674218749997</c:v>
                </c:pt>
                <c:pt idx="3042">
                  <c:v>47.996601171875</c:v>
                </c:pt>
                <c:pt idx="3043">
                  <c:v>47.997572265625003</c:v>
                </c:pt>
                <c:pt idx="3044">
                  <c:v>47.998499218749998</c:v>
                </c:pt>
                <c:pt idx="3045">
                  <c:v>47.999470312500002</c:v>
                </c:pt>
                <c:pt idx="3046">
                  <c:v>48.000397265624997</c:v>
                </c:pt>
                <c:pt idx="3047">
                  <c:v>48.001368359375</c:v>
                </c:pt>
                <c:pt idx="3048">
                  <c:v>48.002295312500003</c:v>
                </c:pt>
                <c:pt idx="3049">
                  <c:v>48.003266406249999</c:v>
                </c:pt>
                <c:pt idx="3050">
                  <c:v>48.004193359375002</c:v>
                </c:pt>
                <c:pt idx="3051">
                  <c:v>48.005120312499997</c:v>
                </c:pt>
                <c:pt idx="3052">
                  <c:v>48.00609140625</c:v>
                </c:pt>
                <c:pt idx="3053">
                  <c:v>48.007018359375003</c:v>
                </c:pt>
                <c:pt idx="3054">
                  <c:v>48.007989453124999</c:v>
                </c:pt>
                <c:pt idx="3055">
                  <c:v>48.008916406250002</c:v>
                </c:pt>
                <c:pt idx="3056">
                  <c:v>48.009887499999998</c:v>
                </c:pt>
                <c:pt idx="3057">
                  <c:v>48.010814453125001</c:v>
                </c:pt>
                <c:pt idx="3058">
                  <c:v>48.011785546875004</c:v>
                </c:pt>
                <c:pt idx="3059">
                  <c:v>48.012712499999999</c:v>
                </c:pt>
                <c:pt idx="3060">
                  <c:v>48.013683593750002</c:v>
                </c:pt>
                <c:pt idx="3061">
                  <c:v>48.014610546874998</c:v>
                </c:pt>
                <c:pt idx="3062">
                  <c:v>48.015581640625001</c:v>
                </c:pt>
                <c:pt idx="3063">
                  <c:v>48.016508593750004</c:v>
                </c:pt>
                <c:pt idx="3064">
                  <c:v>48.0174796875</c:v>
                </c:pt>
                <c:pt idx="3065">
                  <c:v>48.018406640625003</c:v>
                </c:pt>
                <c:pt idx="3066">
                  <c:v>48.019333593749998</c:v>
                </c:pt>
                <c:pt idx="3067">
                  <c:v>48.020304687500001</c:v>
                </c:pt>
                <c:pt idx="3068">
                  <c:v>48.021231640624997</c:v>
                </c:pt>
                <c:pt idx="3069">
                  <c:v>48.022202734375</c:v>
                </c:pt>
                <c:pt idx="3070">
                  <c:v>48.023129687500003</c:v>
                </c:pt>
                <c:pt idx="3071">
                  <c:v>48.024100781249999</c:v>
                </c:pt>
                <c:pt idx="3072">
                  <c:v>48.025027734375001</c:v>
                </c:pt>
                <c:pt idx="3073">
                  <c:v>48.025998828124997</c:v>
                </c:pt>
                <c:pt idx="3074">
                  <c:v>48.02692578125</c:v>
                </c:pt>
                <c:pt idx="3075">
                  <c:v>48.027896875000003</c:v>
                </c:pt>
                <c:pt idx="3076">
                  <c:v>48.028823828124999</c:v>
                </c:pt>
                <c:pt idx="3077">
                  <c:v>48.029794921875002</c:v>
                </c:pt>
                <c:pt idx="3078">
                  <c:v>48.030721874999998</c:v>
                </c:pt>
                <c:pt idx="3079">
                  <c:v>48.031648828125</c:v>
                </c:pt>
                <c:pt idx="3080">
                  <c:v>48.032619921874996</c:v>
                </c:pt>
                <c:pt idx="3081">
                  <c:v>48.033546874999999</c:v>
                </c:pt>
                <c:pt idx="3082">
                  <c:v>48.034517968750002</c:v>
                </c:pt>
                <c:pt idx="3083">
                  <c:v>48.035444921874998</c:v>
                </c:pt>
                <c:pt idx="3084">
                  <c:v>48.036416015625001</c:v>
                </c:pt>
                <c:pt idx="3085">
                  <c:v>48.037342968749996</c:v>
                </c:pt>
                <c:pt idx="3086">
                  <c:v>48.0383140625</c:v>
                </c:pt>
                <c:pt idx="3087">
                  <c:v>48.039241015625002</c:v>
                </c:pt>
                <c:pt idx="3088">
                  <c:v>48.040212109374998</c:v>
                </c:pt>
                <c:pt idx="3089">
                  <c:v>48.041139062500001</c:v>
                </c:pt>
                <c:pt idx="3090">
                  <c:v>48.042110156249997</c:v>
                </c:pt>
                <c:pt idx="3091">
                  <c:v>48.043037109375</c:v>
                </c:pt>
                <c:pt idx="3092">
                  <c:v>48.044008203125003</c:v>
                </c:pt>
                <c:pt idx="3093">
                  <c:v>48.044935156249998</c:v>
                </c:pt>
                <c:pt idx="3094">
                  <c:v>48.045862109375001</c:v>
                </c:pt>
                <c:pt idx="3095">
                  <c:v>48.046833203124997</c:v>
                </c:pt>
                <c:pt idx="3096">
                  <c:v>48.04776015625</c:v>
                </c:pt>
                <c:pt idx="3097">
                  <c:v>48.048731250000003</c:v>
                </c:pt>
                <c:pt idx="3098">
                  <c:v>48.049658203124999</c:v>
                </c:pt>
                <c:pt idx="3099">
                  <c:v>48.050629296875002</c:v>
                </c:pt>
                <c:pt idx="3100">
                  <c:v>48.051556249999997</c:v>
                </c:pt>
                <c:pt idx="3101">
                  <c:v>48.05252734375</c:v>
                </c:pt>
                <c:pt idx="3102">
                  <c:v>48.053454296875003</c:v>
                </c:pt>
                <c:pt idx="3103">
                  <c:v>48.054425390624999</c:v>
                </c:pt>
                <c:pt idx="3104">
                  <c:v>48.055352343750002</c:v>
                </c:pt>
                <c:pt idx="3105">
                  <c:v>48.056323437499998</c:v>
                </c:pt>
                <c:pt idx="3106">
                  <c:v>48.057250390625001</c:v>
                </c:pt>
                <c:pt idx="3107">
                  <c:v>48.058221484374997</c:v>
                </c:pt>
                <c:pt idx="3108">
                  <c:v>48.059148437499999</c:v>
                </c:pt>
                <c:pt idx="3109">
                  <c:v>48.060075390625002</c:v>
                </c:pt>
                <c:pt idx="3110">
                  <c:v>48.061046484374998</c:v>
                </c:pt>
                <c:pt idx="3111">
                  <c:v>48.061973437500001</c:v>
                </c:pt>
                <c:pt idx="3112">
                  <c:v>48.062944531249997</c:v>
                </c:pt>
                <c:pt idx="3113">
                  <c:v>48.063871484374999</c:v>
                </c:pt>
                <c:pt idx="3114">
                  <c:v>48.064842578125003</c:v>
                </c:pt>
                <c:pt idx="3115">
                  <c:v>48.065769531249998</c:v>
                </c:pt>
                <c:pt idx="3116">
                  <c:v>48.066740625000001</c:v>
                </c:pt>
                <c:pt idx="3117">
                  <c:v>48.067667578124997</c:v>
                </c:pt>
                <c:pt idx="3118">
                  <c:v>48.068638671875</c:v>
                </c:pt>
                <c:pt idx="3119">
                  <c:v>48.069565625000003</c:v>
                </c:pt>
                <c:pt idx="3120">
                  <c:v>48.070536718749999</c:v>
                </c:pt>
                <c:pt idx="3121">
                  <c:v>48.071463671875001</c:v>
                </c:pt>
                <c:pt idx="3122">
                  <c:v>48.072390624999997</c:v>
                </c:pt>
                <c:pt idx="3123">
                  <c:v>48.07336171875</c:v>
                </c:pt>
                <c:pt idx="3124">
                  <c:v>48.074288671875003</c:v>
                </c:pt>
                <c:pt idx="3125">
                  <c:v>48.075259765624999</c:v>
                </c:pt>
                <c:pt idx="3126">
                  <c:v>48.076186718750002</c:v>
                </c:pt>
                <c:pt idx="3127">
                  <c:v>48.077157812499998</c:v>
                </c:pt>
                <c:pt idx="3128">
                  <c:v>48.078084765625</c:v>
                </c:pt>
                <c:pt idx="3129">
                  <c:v>48.079055859375003</c:v>
                </c:pt>
                <c:pt idx="3130">
                  <c:v>48.079982812499999</c:v>
                </c:pt>
                <c:pt idx="3131">
                  <c:v>48.080953906250002</c:v>
                </c:pt>
                <c:pt idx="3132">
                  <c:v>48.081880859374998</c:v>
                </c:pt>
                <c:pt idx="3133">
                  <c:v>48.082851953125001</c:v>
                </c:pt>
                <c:pt idx="3134">
                  <c:v>48.083778906250004</c:v>
                </c:pt>
                <c:pt idx="3135">
                  <c:v>48.08475</c:v>
                </c:pt>
                <c:pt idx="3136">
                  <c:v>48.085676953125002</c:v>
                </c:pt>
                <c:pt idx="3137">
                  <c:v>48.086603906249998</c:v>
                </c:pt>
                <c:pt idx="3138">
                  <c:v>48.087575000000001</c:v>
                </c:pt>
                <c:pt idx="3139">
                  <c:v>48.088501953125004</c:v>
                </c:pt>
                <c:pt idx="3140">
                  <c:v>48.089473046875</c:v>
                </c:pt>
                <c:pt idx="3141">
                  <c:v>48.090400000000002</c:v>
                </c:pt>
                <c:pt idx="3142">
                  <c:v>48.091371093749999</c:v>
                </c:pt>
                <c:pt idx="3143">
                  <c:v>48.092298046875001</c:v>
                </c:pt>
                <c:pt idx="3144">
                  <c:v>48.093269140624997</c:v>
                </c:pt>
                <c:pt idx="3145">
                  <c:v>48.09419609375</c:v>
                </c:pt>
                <c:pt idx="3146">
                  <c:v>48.095167187500003</c:v>
                </c:pt>
                <c:pt idx="3147">
                  <c:v>48.096094140624999</c:v>
                </c:pt>
                <c:pt idx="3148">
                  <c:v>48.097065234375002</c:v>
                </c:pt>
                <c:pt idx="3149">
                  <c:v>48.097992187499997</c:v>
                </c:pt>
                <c:pt idx="3150">
                  <c:v>48.098919140625</c:v>
                </c:pt>
                <c:pt idx="3151">
                  <c:v>48.099890234375003</c:v>
                </c:pt>
                <c:pt idx="3152">
                  <c:v>48.100817187499999</c:v>
                </c:pt>
                <c:pt idx="3153">
                  <c:v>48.101788281250002</c:v>
                </c:pt>
                <c:pt idx="3154">
                  <c:v>48.102715234374998</c:v>
                </c:pt>
                <c:pt idx="3155">
                  <c:v>48.103686328125001</c:v>
                </c:pt>
                <c:pt idx="3156">
                  <c:v>48.104613281250003</c:v>
                </c:pt>
                <c:pt idx="3157">
                  <c:v>48.105584374999999</c:v>
                </c:pt>
                <c:pt idx="3158">
                  <c:v>48.106511328125002</c:v>
                </c:pt>
                <c:pt idx="3159">
                  <c:v>48.107482421874998</c:v>
                </c:pt>
                <c:pt idx="3160">
                  <c:v>48.108409375000001</c:v>
                </c:pt>
                <c:pt idx="3161">
                  <c:v>48.109380468749997</c:v>
                </c:pt>
                <c:pt idx="3162">
                  <c:v>48.110307421875</c:v>
                </c:pt>
                <c:pt idx="3163">
                  <c:v>48.111278515625003</c:v>
                </c:pt>
                <c:pt idx="3164">
                  <c:v>48.112205468749998</c:v>
                </c:pt>
                <c:pt idx="3165">
                  <c:v>48.113132421875001</c:v>
                </c:pt>
                <c:pt idx="3166">
                  <c:v>48.114103515624997</c:v>
                </c:pt>
                <c:pt idx="3167">
                  <c:v>48.11503046875</c:v>
                </c:pt>
                <c:pt idx="3168">
                  <c:v>48.116001562500003</c:v>
                </c:pt>
                <c:pt idx="3169">
                  <c:v>48.116928515624998</c:v>
                </c:pt>
                <c:pt idx="3170">
                  <c:v>48.117899609375002</c:v>
                </c:pt>
                <c:pt idx="3171">
                  <c:v>48.118826562499997</c:v>
                </c:pt>
                <c:pt idx="3172">
                  <c:v>48.11979765625</c:v>
                </c:pt>
                <c:pt idx="3173">
                  <c:v>48.120724609375003</c:v>
                </c:pt>
                <c:pt idx="3174">
                  <c:v>48.121695703124999</c:v>
                </c:pt>
                <c:pt idx="3175">
                  <c:v>48.122622656250002</c:v>
                </c:pt>
                <c:pt idx="3176">
                  <c:v>48.123593749999998</c:v>
                </c:pt>
                <c:pt idx="3177">
                  <c:v>48.124520703125</c:v>
                </c:pt>
                <c:pt idx="3178">
                  <c:v>48.125491796874996</c:v>
                </c:pt>
                <c:pt idx="3179">
                  <c:v>48.126418749999999</c:v>
                </c:pt>
                <c:pt idx="3180">
                  <c:v>48.127345703125002</c:v>
                </c:pt>
                <c:pt idx="3181">
                  <c:v>48.128316796874998</c:v>
                </c:pt>
                <c:pt idx="3182">
                  <c:v>48.129243750000001</c:v>
                </c:pt>
                <c:pt idx="3183">
                  <c:v>48.130214843749997</c:v>
                </c:pt>
                <c:pt idx="3184">
                  <c:v>48.131141796874999</c:v>
                </c:pt>
                <c:pt idx="3185">
                  <c:v>48.132112890625002</c:v>
                </c:pt>
                <c:pt idx="3186">
                  <c:v>48.133039843749998</c:v>
                </c:pt>
                <c:pt idx="3187">
                  <c:v>48.134010937500001</c:v>
                </c:pt>
                <c:pt idx="3188">
                  <c:v>48.134937890624997</c:v>
                </c:pt>
                <c:pt idx="3189">
                  <c:v>48.135908984375</c:v>
                </c:pt>
                <c:pt idx="3190">
                  <c:v>48.136835937500003</c:v>
                </c:pt>
                <c:pt idx="3191">
                  <c:v>48.137807031249999</c:v>
                </c:pt>
                <c:pt idx="3192">
                  <c:v>48.138733984375001</c:v>
                </c:pt>
                <c:pt idx="3193">
                  <c:v>48.139660937499997</c:v>
                </c:pt>
                <c:pt idx="3194">
                  <c:v>48.14063203125</c:v>
                </c:pt>
                <c:pt idx="3195">
                  <c:v>48.141558984375003</c:v>
                </c:pt>
                <c:pt idx="3196">
                  <c:v>48.142530078124999</c:v>
                </c:pt>
                <c:pt idx="3197">
                  <c:v>48.143457031250001</c:v>
                </c:pt>
                <c:pt idx="3198">
                  <c:v>48.144428124999997</c:v>
                </c:pt>
                <c:pt idx="3199">
                  <c:v>48.145355078125</c:v>
                </c:pt>
                <c:pt idx="3200">
                  <c:v>48.146326171875003</c:v>
                </c:pt>
                <c:pt idx="3201">
                  <c:v>48.147253124999999</c:v>
                </c:pt>
                <c:pt idx="3202">
                  <c:v>48.148224218750002</c:v>
                </c:pt>
                <c:pt idx="3203">
                  <c:v>48.149151171874998</c:v>
                </c:pt>
                <c:pt idx="3204">
                  <c:v>48.150122265625001</c:v>
                </c:pt>
                <c:pt idx="3205">
                  <c:v>48.151049218750003</c:v>
                </c:pt>
                <c:pt idx="3206">
                  <c:v>48.152020312499999</c:v>
                </c:pt>
                <c:pt idx="3207">
                  <c:v>48.152947265625002</c:v>
                </c:pt>
                <c:pt idx="3208">
                  <c:v>48.153874218749998</c:v>
                </c:pt>
                <c:pt idx="3209">
                  <c:v>48.154845312500001</c:v>
                </c:pt>
                <c:pt idx="3210">
                  <c:v>48.155772265625004</c:v>
                </c:pt>
                <c:pt idx="3211">
                  <c:v>48.156743359375</c:v>
                </c:pt>
                <c:pt idx="3212">
                  <c:v>48.157670312500002</c:v>
                </c:pt>
                <c:pt idx="3213">
                  <c:v>48.158641406249998</c:v>
                </c:pt>
                <c:pt idx="3214">
                  <c:v>48.159568359375001</c:v>
                </c:pt>
                <c:pt idx="3215">
                  <c:v>48.160539453124997</c:v>
                </c:pt>
                <c:pt idx="3216">
                  <c:v>48.16146640625</c:v>
                </c:pt>
                <c:pt idx="3217">
                  <c:v>48.162437500000003</c:v>
                </c:pt>
                <c:pt idx="3218">
                  <c:v>48.163364453124998</c:v>
                </c:pt>
                <c:pt idx="3219">
                  <c:v>48.164335546875002</c:v>
                </c:pt>
                <c:pt idx="3220">
                  <c:v>48.165262499999997</c:v>
                </c:pt>
                <c:pt idx="3221">
                  <c:v>48.166189453125</c:v>
                </c:pt>
                <c:pt idx="3222">
                  <c:v>48.167160546875003</c:v>
                </c:pt>
                <c:pt idx="3223">
                  <c:v>48.168087499999999</c:v>
                </c:pt>
                <c:pt idx="3224">
                  <c:v>48.169058593750002</c:v>
                </c:pt>
                <c:pt idx="3225">
                  <c:v>48.169985546874997</c:v>
                </c:pt>
                <c:pt idx="3226">
                  <c:v>48.170956640625</c:v>
                </c:pt>
                <c:pt idx="3227">
                  <c:v>48.171883593750003</c:v>
                </c:pt>
                <c:pt idx="3228">
                  <c:v>48.172854687499999</c:v>
                </c:pt>
                <c:pt idx="3229">
                  <c:v>48.173781640625002</c:v>
                </c:pt>
                <c:pt idx="3230">
                  <c:v>48.174752734374998</c:v>
                </c:pt>
                <c:pt idx="3231">
                  <c:v>48.175679687500001</c:v>
                </c:pt>
                <c:pt idx="3232">
                  <c:v>48.176650781250004</c:v>
                </c:pt>
                <c:pt idx="3233">
                  <c:v>48.177577734374999</c:v>
                </c:pt>
                <c:pt idx="3234">
                  <c:v>48.178548828125003</c:v>
                </c:pt>
                <c:pt idx="3235">
                  <c:v>48.179475781249998</c:v>
                </c:pt>
                <c:pt idx="3236">
                  <c:v>48.180402734375001</c:v>
                </c:pt>
                <c:pt idx="3237">
                  <c:v>48.181373828125004</c:v>
                </c:pt>
                <c:pt idx="3238">
                  <c:v>48.182300781249999</c:v>
                </c:pt>
                <c:pt idx="3239">
                  <c:v>48.183271875000003</c:v>
                </c:pt>
                <c:pt idx="3240">
                  <c:v>48.184198828124998</c:v>
                </c:pt>
                <c:pt idx="3241">
                  <c:v>48.185169921875001</c:v>
                </c:pt>
                <c:pt idx="3242">
                  <c:v>48.186096874999997</c:v>
                </c:pt>
                <c:pt idx="3243">
                  <c:v>48.18706796875</c:v>
                </c:pt>
                <c:pt idx="3244">
                  <c:v>48.187994921875003</c:v>
                </c:pt>
                <c:pt idx="3245">
                  <c:v>48.188966015624999</c:v>
                </c:pt>
                <c:pt idx="3246">
                  <c:v>48.189892968750002</c:v>
                </c:pt>
                <c:pt idx="3247">
                  <c:v>48.190864062499998</c:v>
                </c:pt>
                <c:pt idx="3248">
                  <c:v>48.191791015625</c:v>
                </c:pt>
                <c:pt idx="3249">
                  <c:v>48.192762109375003</c:v>
                </c:pt>
                <c:pt idx="3250">
                  <c:v>48.193689062499999</c:v>
                </c:pt>
                <c:pt idx="3251">
                  <c:v>48.194616015625002</c:v>
                </c:pt>
                <c:pt idx="3252">
                  <c:v>48.195587109374998</c:v>
                </c:pt>
                <c:pt idx="3253">
                  <c:v>48.1965140625</c:v>
                </c:pt>
                <c:pt idx="3254">
                  <c:v>48.197485156250004</c:v>
                </c:pt>
                <c:pt idx="3255">
                  <c:v>48.198412109374999</c:v>
                </c:pt>
                <c:pt idx="3256">
                  <c:v>48.199383203125002</c:v>
                </c:pt>
                <c:pt idx="3257">
                  <c:v>48.200310156249998</c:v>
                </c:pt>
                <c:pt idx="3258">
                  <c:v>48.201281250000001</c:v>
                </c:pt>
                <c:pt idx="3259">
                  <c:v>48.202208203124997</c:v>
                </c:pt>
                <c:pt idx="3260">
                  <c:v>48.203179296875</c:v>
                </c:pt>
                <c:pt idx="3261">
                  <c:v>48.204106250000002</c:v>
                </c:pt>
                <c:pt idx="3262">
                  <c:v>48.205077343749998</c:v>
                </c:pt>
                <c:pt idx="3263">
                  <c:v>48.206004296875001</c:v>
                </c:pt>
                <c:pt idx="3264">
                  <c:v>48.206931249999997</c:v>
                </c:pt>
                <c:pt idx="3265">
                  <c:v>48.20790234375</c:v>
                </c:pt>
                <c:pt idx="3266">
                  <c:v>48.208829296875003</c:v>
                </c:pt>
                <c:pt idx="3267">
                  <c:v>48.209800390624999</c:v>
                </c:pt>
                <c:pt idx="3268">
                  <c:v>48.210727343750001</c:v>
                </c:pt>
                <c:pt idx="3269">
                  <c:v>48.211698437499997</c:v>
                </c:pt>
                <c:pt idx="3270">
                  <c:v>48.212625390625</c:v>
                </c:pt>
                <c:pt idx="3271">
                  <c:v>48.213596484375003</c:v>
                </c:pt>
                <c:pt idx="3272">
                  <c:v>48.214523437499999</c:v>
                </c:pt>
                <c:pt idx="3273">
                  <c:v>48.215494531250002</c:v>
                </c:pt>
                <c:pt idx="3274">
                  <c:v>48.216421484374997</c:v>
                </c:pt>
                <c:pt idx="3275">
                  <c:v>48.217392578125001</c:v>
                </c:pt>
                <c:pt idx="3276">
                  <c:v>48.218319531250003</c:v>
                </c:pt>
                <c:pt idx="3277">
                  <c:v>48.219290624999999</c:v>
                </c:pt>
                <c:pt idx="3278">
                  <c:v>48.220217578125002</c:v>
                </c:pt>
                <c:pt idx="3279">
                  <c:v>48.221144531249998</c:v>
                </c:pt>
                <c:pt idx="3280">
                  <c:v>48.222115625000001</c:v>
                </c:pt>
                <c:pt idx="3281">
                  <c:v>48.223042578125003</c:v>
                </c:pt>
                <c:pt idx="3282">
                  <c:v>48.224013671874999</c:v>
                </c:pt>
                <c:pt idx="3283">
                  <c:v>48.224940625000002</c:v>
                </c:pt>
                <c:pt idx="3284">
                  <c:v>48.225911718749998</c:v>
                </c:pt>
                <c:pt idx="3285">
                  <c:v>48.226838671875001</c:v>
                </c:pt>
                <c:pt idx="3286">
                  <c:v>48.227809765624997</c:v>
                </c:pt>
                <c:pt idx="3287">
                  <c:v>48.22873671875</c:v>
                </c:pt>
                <c:pt idx="3288">
                  <c:v>48.229707812500003</c:v>
                </c:pt>
                <c:pt idx="3289">
                  <c:v>48.230634765624998</c:v>
                </c:pt>
                <c:pt idx="3290">
                  <c:v>48.231605859375001</c:v>
                </c:pt>
                <c:pt idx="3291">
                  <c:v>48.232532812499997</c:v>
                </c:pt>
                <c:pt idx="3292">
                  <c:v>48.233459765625</c:v>
                </c:pt>
                <c:pt idx="3293">
                  <c:v>48.234430859375003</c:v>
                </c:pt>
                <c:pt idx="3294">
                  <c:v>48.235357812499998</c:v>
                </c:pt>
                <c:pt idx="3295">
                  <c:v>48.236328906250002</c:v>
                </c:pt>
                <c:pt idx="3296">
                  <c:v>48.237255859374997</c:v>
                </c:pt>
                <c:pt idx="3297">
                  <c:v>48.238226953125</c:v>
                </c:pt>
                <c:pt idx="3298">
                  <c:v>48.239153906250003</c:v>
                </c:pt>
                <c:pt idx="3299">
                  <c:v>48.240124999999999</c:v>
                </c:pt>
                <c:pt idx="3300">
                  <c:v>48.241051953125002</c:v>
                </c:pt>
                <c:pt idx="3301">
                  <c:v>48.242023046874998</c:v>
                </c:pt>
                <c:pt idx="3302">
                  <c:v>48.24295</c:v>
                </c:pt>
                <c:pt idx="3303">
                  <c:v>48.243921093750004</c:v>
                </c:pt>
                <c:pt idx="3304">
                  <c:v>48.244848046874999</c:v>
                </c:pt>
                <c:pt idx="3305">
                  <c:v>48.245819140625002</c:v>
                </c:pt>
                <c:pt idx="3306">
                  <c:v>48.246746093749998</c:v>
                </c:pt>
                <c:pt idx="3307">
                  <c:v>48.247673046875001</c:v>
                </c:pt>
                <c:pt idx="3308">
                  <c:v>48.248644140625004</c:v>
                </c:pt>
                <c:pt idx="3309">
                  <c:v>48.249571093749999</c:v>
                </c:pt>
                <c:pt idx="3310">
                  <c:v>48.250542187500002</c:v>
                </c:pt>
                <c:pt idx="3311">
                  <c:v>48.251469140624998</c:v>
                </c:pt>
                <c:pt idx="3312">
                  <c:v>48.252440234375001</c:v>
                </c:pt>
                <c:pt idx="3313">
                  <c:v>48.253367187500004</c:v>
                </c:pt>
                <c:pt idx="3314">
                  <c:v>48.25433828125</c:v>
                </c:pt>
                <c:pt idx="3315">
                  <c:v>48.255265234375003</c:v>
                </c:pt>
                <c:pt idx="3316">
                  <c:v>48.256236328124999</c:v>
                </c:pt>
                <c:pt idx="3317">
                  <c:v>48.257163281250001</c:v>
                </c:pt>
                <c:pt idx="3318">
                  <c:v>48.258134374999997</c:v>
                </c:pt>
                <c:pt idx="3319">
                  <c:v>48.259061328125</c:v>
                </c:pt>
                <c:pt idx="3320">
                  <c:v>48.260032421875003</c:v>
                </c:pt>
                <c:pt idx="3321">
                  <c:v>48.260959374999999</c:v>
                </c:pt>
                <c:pt idx="3322">
                  <c:v>48.261886328125001</c:v>
                </c:pt>
                <c:pt idx="3323">
                  <c:v>48.262857421874997</c:v>
                </c:pt>
                <c:pt idx="3324">
                  <c:v>48.263784375</c:v>
                </c:pt>
                <c:pt idx="3325">
                  <c:v>48.264755468750003</c:v>
                </c:pt>
                <c:pt idx="3326">
                  <c:v>48.265682421874999</c:v>
                </c:pt>
                <c:pt idx="3327">
                  <c:v>48.266653515625002</c:v>
                </c:pt>
                <c:pt idx="3328">
                  <c:v>48.267580468749998</c:v>
                </c:pt>
                <c:pt idx="3329">
                  <c:v>48.268551562500001</c:v>
                </c:pt>
                <c:pt idx="3330">
                  <c:v>48.269478515625003</c:v>
                </c:pt>
                <c:pt idx="3331">
                  <c:v>48.270449609375</c:v>
                </c:pt>
                <c:pt idx="3332">
                  <c:v>48.271376562500002</c:v>
                </c:pt>
                <c:pt idx="3333">
                  <c:v>48.272347656249998</c:v>
                </c:pt>
                <c:pt idx="3334">
                  <c:v>48.273274609375001</c:v>
                </c:pt>
                <c:pt idx="3335">
                  <c:v>48.274201562500004</c:v>
                </c:pt>
                <c:pt idx="3336">
                  <c:v>48.27517265625</c:v>
                </c:pt>
                <c:pt idx="3337">
                  <c:v>48.276099609375002</c:v>
                </c:pt>
                <c:pt idx="3338">
                  <c:v>48.277070703124998</c:v>
                </c:pt>
                <c:pt idx="3339">
                  <c:v>48.277997656250001</c:v>
                </c:pt>
                <c:pt idx="3340">
                  <c:v>48.278968749999997</c:v>
                </c:pt>
                <c:pt idx="3341">
                  <c:v>48.279895703125</c:v>
                </c:pt>
                <c:pt idx="3342">
                  <c:v>48.280866796875003</c:v>
                </c:pt>
                <c:pt idx="3343">
                  <c:v>48.281793749999999</c:v>
                </c:pt>
                <c:pt idx="3344">
                  <c:v>48.282764843750002</c:v>
                </c:pt>
                <c:pt idx="3345">
                  <c:v>48.283691796874997</c:v>
                </c:pt>
                <c:pt idx="3346">
                  <c:v>48.284662890625</c:v>
                </c:pt>
                <c:pt idx="3347">
                  <c:v>48.285589843750003</c:v>
                </c:pt>
                <c:pt idx="3348">
                  <c:v>48.286560937499999</c:v>
                </c:pt>
                <c:pt idx="3349">
                  <c:v>48.287487890625002</c:v>
                </c:pt>
                <c:pt idx="3350">
                  <c:v>48.288414843749997</c:v>
                </c:pt>
                <c:pt idx="3351">
                  <c:v>48.289385937500001</c:v>
                </c:pt>
                <c:pt idx="3352">
                  <c:v>48.290312890625003</c:v>
                </c:pt>
                <c:pt idx="3353">
                  <c:v>48.291283984374999</c:v>
                </c:pt>
                <c:pt idx="3354">
                  <c:v>48.292210937500002</c:v>
                </c:pt>
                <c:pt idx="3355">
                  <c:v>48.293182031249998</c:v>
                </c:pt>
                <c:pt idx="3356">
                  <c:v>48.294108984375001</c:v>
                </c:pt>
                <c:pt idx="3357">
                  <c:v>48.295080078124997</c:v>
                </c:pt>
                <c:pt idx="3358">
                  <c:v>48.296007031249999</c:v>
                </c:pt>
                <c:pt idx="3359">
                  <c:v>48.296978125000003</c:v>
                </c:pt>
                <c:pt idx="3360">
                  <c:v>48.297905078124998</c:v>
                </c:pt>
                <c:pt idx="3361">
                  <c:v>48.298876171875001</c:v>
                </c:pt>
                <c:pt idx="3362">
                  <c:v>48.299803124999997</c:v>
                </c:pt>
                <c:pt idx="3363">
                  <c:v>48.300730078125</c:v>
                </c:pt>
                <c:pt idx="3364">
                  <c:v>48.301701171875003</c:v>
                </c:pt>
                <c:pt idx="3365">
                  <c:v>48.302628124999998</c:v>
                </c:pt>
                <c:pt idx="3366">
                  <c:v>48.303599218750001</c:v>
                </c:pt>
                <c:pt idx="3367">
                  <c:v>48.304526171874997</c:v>
                </c:pt>
                <c:pt idx="3368">
                  <c:v>48.305497265625</c:v>
                </c:pt>
                <c:pt idx="3369">
                  <c:v>48.306424218750003</c:v>
                </c:pt>
                <c:pt idx="3370">
                  <c:v>48.307395312499999</c:v>
                </c:pt>
                <c:pt idx="3371">
                  <c:v>48.308322265625002</c:v>
                </c:pt>
                <c:pt idx="3372">
                  <c:v>48.309293359374998</c:v>
                </c:pt>
                <c:pt idx="3373">
                  <c:v>48.3102203125</c:v>
                </c:pt>
                <c:pt idx="3374">
                  <c:v>48.311191406250003</c:v>
                </c:pt>
                <c:pt idx="3375">
                  <c:v>48.312118359374999</c:v>
                </c:pt>
                <c:pt idx="3376">
                  <c:v>48.313089453125002</c:v>
                </c:pt>
                <c:pt idx="3377">
                  <c:v>48.314016406249998</c:v>
                </c:pt>
                <c:pt idx="3378">
                  <c:v>48.314943359375</c:v>
                </c:pt>
                <c:pt idx="3379">
                  <c:v>48.315914453125004</c:v>
                </c:pt>
                <c:pt idx="3380">
                  <c:v>48.316841406249999</c:v>
                </c:pt>
                <c:pt idx="3381">
                  <c:v>48.317812500000002</c:v>
                </c:pt>
                <c:pt idx="3382">
                  <c:v>48.318739453124998</c:v>
                </c:pt>
                <c:pt idx="3383">
                  <c:v>48.319710546875001</c:v>
                </c:pt>
                <c:pt idx="3384">
                  <c:v>48.320637500000004</c:v>
                </c:pt>
                <c:pt idx="3385">
                  <c:v>48.32160859375</c:v>
                </c:pt>
                <c:pt idx="3386">
                  <c:v>48.322535546875002</c:v>
                </c:pt>
                <c:pt idx="3387">
                  <c:v>48.323506640624998</c:v>
                </c:pt>
                <c:pt idx="3388">
                  <c:v>48.324433593750001</c:v>
                </c:pt>
                <c:pt idx="3389">
                  <c:v>48.325404687499997</c:v>
                </c:pt>
                <c:pt idx="3390">
                  <c:v>48.326331640625</c:v>
                </c:pt>
                <c:pt idx="3391">
                  <c:v>48.327302734375003</c:v>
                </c:pt>
                <c:pt idx="3392">
                  <c:v>48.328229687499999</c:v>
                </c:pt>
                <c:pt idx="3393">
                  <c:v>48.329156640625001</c:v>
                </c:pt>
                <c:pt idx="3394">
                  <c:v>48.330127734374997</c:v>
                </c:pt>
                <c:pt idx="3395">
                  <c:v>48.3310546875</c:v>
                </c:pt>
                <c:pt idx="3396">
                  <c:v>48.332025781250003</c:v>
                </c:pt>
                <c:pt idx="3397">
                  <c:v>48.332952734374999</c:v>
                </c:pt>
                <c:pt idx="3398">
                  <c:v>48.333923828125002</c:v>
                </c:pt>
                <c:pt idx="3399">
                  <c:v>48.334850781249997</c:v>
                </c:pt>
                <c:pt idx="3400">
                  <c:v>48.335821875000001</c:v>
                </c:pt>
                <c:pt idx="3401">
                  <c:v>48.336748828125003</c:v>
                </c:pt>
                <c:pt idx="3402">
                  <c:v>48.337719921874999</c:v>
                </c:pt>
                <c:pt idx="3403">
                  <c:v>48.338646875000002</c:v>
                </c:pt>
                <c:pt idx="3404">
                  <c:v>48.339617968749998</c:v>
                </c:pt>
                <c:pt idx="3405">
                  <c:v>48.340544921875001</c:v>
                </c:pt>
                <c:pt idx="3406">
                  <c:v>48.341471875000003</c:v>
                </c:pt>
                <c:pt idx="3407">
                  <c:v>48.342442968749999</c:v>
                </c:pt>
                <c:pt idx="3408">
                  <c:v>48.343369921875002</c:v>
                </c:pt>
                <c:pt idx="3409">
                  <c:v>48.344341015624998</c:v>
                </c:pt>
                <c:pt idx="3410">
                  <c:v>48.345267968750001</c:v>
                </c:pt>
                <c:pt idx="3411">
                  <c:v>48.346239062500004</c:v>
                </c:pt>
                <c:pt idx="3412">
                  <c:v>48.347166015625</c:v>
                </c:pt>
                <c:pt idx="3413">
                  <c:v>48.348137109375003</c:v>
                </c:pt>
                <c:pt idx="3414">
                  <c:v>48.349064062499998</c:v>
                </c:pt>
                <c:pt idx="3415">
                  <c:v>48.350035156250001</c:v>
                </c:pt>
                <c:pt idx="3416">
                  <c:v>48.350962109375004</c:v>
                </c:pt>
                <c:pt idx="3417">
                  <c:v>48.351933203125</c:v>
                </c:pt>
                <c:pt idx="3418">
                  <c:v>48.352860156250003</c:v>
                </c:pt>
                <c:pt idx="3419">
                  <c:v>48.353831249999999</c:v>
                </c:pt>
                <c:pt idx="3420">
                  <c:v>48.354758203125002</c:v>
                </c:pt>
                <c:pt idx="3421">
                  <c:v>48.355685156249997</c:v>
                </c:pt>
                <c:pt idx="3422">
                  <c:v>48.35665625</c:v>
                </c:pt>
                <c:pt idx="3423">
                  <c:v>48.357583203125003</c:v>
                </c:pt>
                <c:pt idx="3424">
                  <c:v>48.358554296874999</c:v>
                </c:pt>
                <c:pt idx="3425">
                  <c:v>48.359481250000002</c:v>
                </c:pt>
                <c:pt idx="3426">
                  <c:v>48.360452343749998</c:v>
                </c:pt>
                <c:pt idx="3427">
                  <c:v>48.361379296875</c:v>
                </c:pt>
                <c:pt idx="3428">
                  <c:v>48.362350390625004</c:v>
                </c:pt>
                <c:pt idx="3429">
                  <c:v>48.363277343749999</c:v>
                </c:pt>
                <c:pt idx="3430">
                  <c:v>48.364248437500002</c:v>
                </c:pt>
                <c:pt idx="3431">
                  <c:v>48.365175390624998</c:v>
                </c:pt>
                <c:pt idx="3432">
                  <c:v>48.366146484375001</c:v>
                </c:pt>
                <c:pt idx="3433">
                  <c:v>48.367073437500004</c:v>
                </c:pt>
                <c:pt idx="3434">
                  <c:v>48.368000390624999</c:v>
                </c:pt>
                <c:pt idx="3435">
                  <c:v>48.368971484375002</c:v>
                </c:pt>
                <c:pt idx="3436">
                  <c:v>48.369898437499998</c:v>
                </c:pt>
                <c:pt idx="3437">
                  <c:v>48.370869531250001</c:v>
                </c:pt>
                <c:pt idx="3438">
                  <c:v>48.371796484374997</c:v>
                </c:pt>
                <c:pt idx="3439">
                  <c:v>48.372767578125</c:v>
                </c:pt>
                <c:pt idx="3440">
                  <c:v>48.373694531250003</c:v>
                </c:pt>
                <c:pt idx="3441">
                  <c:v>48.374665624999999</c:v>
                </c:pt>
                <c:pt idx="3442">
                  <c:v>48.375592578125001</c:v>
                </c:pt>
                <c:pt idx="3443">
                  <c:v>48.376563671874997</c:v>
                </c:pt>
                <c:pt idx="3444">
                  <c:v>48.377490625</c:v>
                </c:pt>
                <c:pt idx="3445">
                  <c:v>48.378461718750003</c:v>
                </c:pt>
                <c:pt idx="3446">
                  <c:v>48.379388671874999</c:v>
                </c:pt>
                <c:pt idx="3447">
                  <c:v>48.380359765625002</c:v>
                </c:pt>
                <c:pt idx="3448">
                  <c:v>48.381286718749998</c:v>
                </c:pt>
                <c:pt idx="3449">
                  <c:v>48.382213671875</c:v>
                </c:pt>
                <c:pt idx="3450">
                  <c:v>48.383184765625003</c:v>
                </c:pt>
                <c:pt idx="3451">
                  <c:v>48.384111718749999</c:v>
                </c:pt>
                <c:pt idx="3452">
                  <c:v>48.385082812500002</c:v>
                </c:pt>
                <c:pt idx="3453">
                  <c:v>48.386009765624998</c:v>
                </c:pt>
                <c:pt idx="3454">
                  <c:v>48.386980859375001</c:v>
                </c:pt>
                <c:pt idx="3455">
                  <c:v>48.387907812500004</c:v>
                </c:pt>
                <c:pt idx="3456">
                  <c:v>48.38887890625</c:v>
                </c:pt>
                <c:pt idx="3457">
                  <c:v>48.389805859375002</c:v>
                </c:pt>
                <c:pt idx="3458">
                  <c:v>48.390776953124998</c:v>
                </c:pt>
                <c:pt idx="3459">
                  <c:v>48.391703906250001</c:v>
                </c:pt>
                <c:pt idx="3460">
                  <c:v>48.392674999999997</c:v>
                </c:pt>
                <c:pt idx="3461">
                  <c:v>48.393601953125</c:v>
                </c:pt>
                <c:pt idx="3462">
                  <c:v>48.394573046875003</c:v>
                </c:pt>
                <c:pt idx="3463">
                  <c:v>48.395499999999998</c:v>
                </c:pt>
                <c:pt idx="3464">
                  <c:v>48.396426953125001</c:v>
                </c:pt>
                <c:pt idx="3465">
                  <c:v>48.397398046874997</c:v>
                </c:pt>
                <c:pt idx="3466">
                  <c:v>48.398325</c:v>
                </c:pt>
                <c:pt idx="3467">
                  <c:v>48.399296093750003</c:v>
                </c:pt>
                <c:pt idx="3468">
                  <c:v>48.400223046874999</c:v>
                </c:pt>
                <c:pt idx="3469">
                  <c:v>48.401194140625002</c:v>
                </c:pt>
                <c:pt idx="3470">
                  <c:v>48.402121093749997</c:v>
                </c:pt>
                <c:pt idx="3471">
                  <c:v>48.4030921875</c:v>
                </c:pt>
                <c:pt idx="3472">
                  <c:v>48.404019140625003</c:v>
                </c:pt>
                <c:pt idx="3473">
                  <c:v>48.404990234374999</c:v>
                </c:pt>
                <c:pt idx="3474">
                  <c:v>48.405917187500002</c:v>
                </c:pt>
                <c:pt idx="3475">
                  <c:v>48.406888281249998</c:v>
                </c:pt>
                <c:pt idx="3476">
                  <c:v>48.407815234375001</c:v>
                </c:pt>
                <c:pt idx="3477">
                  <c:v>48.408742187500003</c:v>
                </c:pt>
                <c:pt idx="3478">
                  <c:v>48.409713281249999</c:v>
                </c:pt>
                <c:pt idx="3479">
                  <c:v>48.410640234375002</c:v>
                </c:pt>
                <c:pt idx="3480">
                  <c:v>48.411611328124998</c:v>
                </c:pt>
                <c:pt idx="3481">
                  <c:v>48.412538281250001</c:v>
                </c:pt>
                <c:pt idx="3482">
                  <c:v>48.413509375000004</c:v>
                </c:pt>
                <c:pt idx="3483">
                  <c:v>48.414436328124999</c:v>
                </c:pt>
                <c:pt idx="3484">
                  <c:v>48.415407421875003</c:v>
                </c:pt>
                <c:pt idx="3485">
                  <c:v>48.416334374999998</c:v>
                </c:pt>
                <c:pt idx="3486">
                  <c:v>48.417305468750001</c:v>
                </c:pt>
                <c:pt idx="3487">
                  <c:v>48.418232421875004</c:v>
                </c:pt>
                <c:pt idx="3488">
                  <c:v>48.419203515625</c:v>
                </c:pt>
                <c:pt idx="3489">
                  <c:v>48.420130468750003</c:v>
                </c:pt>
                <c:pt idx="3490">
                  <c:v>48.421101562499999</c:v>
                </c:pt>
                <c:pt idx="3491">
                  <c:v>48.422028515625001</c:v>
                </c:pt>
                <c:pt idx="3492">
                  <c:v>48.422955468750004</c:v>
                </c:pt>
                <c:pt idx="3493">
                  <c:v>48.4239265625</c:v>
                </c:pt>
                <c:pt idx="3494">
                  <c:v>48.424853515625003</c:v>
                </c:pt>
                <c:pt idx="3495">
                  <c:v>48.425824609374999</c:v>
                </c:pt>
                <c:pt idx="3496">
                  <c:v>48.426751562500002</c:v>
                </c:pt>
                <c:pt idx="3497">
                  <c:v>48.427722656249998</c:v>
                </c:pt>
                <c:pt idx="3498">
                  <c:v>48.428649609375</c:v>
                </c:pt>
                <c:pt idx="3499">
                  <c:v>48.429620703125003</c:v>
                </c:pt>
                <c:pt idx="3500">
                  <c:v>48.430547656249999</c:v>
                </c:pt>
                <c:pt idx="3501">
                  <c:v>48.431518750000002</c:v>
                </c:pt>
                <c:pt idx="3502">
                  <c:v>48.432445703124998</c:v>
                </c:pt>
                <c:pt idx="3503">
                  <c:v>48.433416796875001</c:v>
                </c:pt>
                <c:pt idx="3504">
                  <c:v>48.434343750000004</c:v>
                </c:pt>
                <c:pt idx="3505">
                  <c:v>48.435270703124999</c:v>
                </c:pt>
                <c:pt idx="3506">
                  <c:v>48.436241796875002</c:v>
                </c:pt>
                <c:pt idx="3507">
                  <c:v>48.437168749999998</c:v>
                </c:pt>
                <c:pt idx="3508">
                  <c:v>48.438139843750001</c:v>
                </c:pt>
                <c:pt idx="3509">
                  <c:v>48.439066796875004</c:v>
                </c:pt>
                <c:pt idx="3510">
                  <c:v>48.440037890625</c:v>
                </c:pt>
                <c:pt idx="3511">
                  <c:v>48.440964843750002</c:v>
                </c:pt>
                <c:pt idx="3512">
                  <c:v>48.441935937499998</c:v>
                </c:pt>
                <c:pt idx="3513">
                  <c:v>48.442862890625001</c:v>
                </c:pt>
                <c:pt idx="3514">
                  <c:v>48.443833984374997</c:v>
                </c:pt>
                <c:pt idx="3515">
                  <c:v>48.4447609375</c:v>
                </c:pt>
                <c:pt idx="3516">
                  <c:v>48.445732031250003</c:v>
                </c:pt>
                <c:pt idx="3517">
                  <c:v>48.446658984374999</c:v>
                </c:pt>
                <c:pt idx="3518">
                  <c:v>48.447630078125002</c:v>
                </c:pt>
                <c:pt idx="3519">
                  <c:v>48.448557031249997</c:v>
                </c:pt>
                <c:pt idx="3520">
                  <c:v>48.449483984375</c:v>
                </c:pt>
                <c:pt idx="3521">
                  <c:v>48.450455078125003</c:v>
                </c:pt>
                <c:pt idx="3522">
                  <c:v>48.451382031249999</c:v>
                </c:pt>
                <c:pt idx="3523">
                  <c:v>48.452353125000002</c:v>
                </c:pt>
                <c:pt idx="3524">
                  <c:v>48.453280078124997</c:v>
                </c:pt>
                <c:pt idx="3525">
                  <c:v>48.454251171875001</c:v>
                </c:pt>
                <c:pt idx="3526">
                  <c:v>48.455178125000003</c:v>
                </c:pt>
                <c:pt idx="3527">
                  <c:v>48.456149218749999</c:v>
                </c:pt>
                <c:pt idx="3528">
                  <c:v>48.457076171875002</c:v>
                </c:pt>
                <c:pt idx="3529">
                  <c:v>48.458047265624998</c:v>
                </c:pt>
                <c:pt idx="3530">
                  <c:v>48.458974218750001</c:v>
                </c:pt>
                <c:pt idx="3531">
                  <c:v>48.459945312499997</c:v>
                </c:pt>
                <c:pt idx="3532">
                  <c:v>48.460872265624999</c:v>
                </c:pt>
                <c:pt idx="3533">
                  <c:v>48.461843359375003</c:v>
                </c:pt>
                <c:pt idx="3534">
                  <c:v>48.462770312499998</c:v>
                </c:pt>
                <c:pt idx="3535">
                  <c:v>48.463697265625001</c:v>
                </c:pt>
                <c:pt idx="3536">
                  <c:v>48.464668359374997</c:v>
                </c:pt>
                <c:pt idx="3537">
                  <c:v>48.4655953125</c:v>
                </c:pt>
                <c:pt idx="3538">
                  <c:v>48.466566406250003</c:v>
                </c:pt>
                <c:pt idx="3539">
                  <c:v>48.467493359374998</c:v>
                </c:pt>
                <c:pt idx="3540">
                  <c:v>48.468464453125002</c:v>
                </c:pt>
                <c:pt idx="3541">
                  <c:v>48.469391406249997</c:v>
                </c:pt>
                <c:pt idx="3542">
                  <c:v>48.4703625</c:v>
                </c:pt>
                <c:pt idx="3543">
                  <c:v>48.471289453125003</c:v>
                </c:pt>
                <c:pt idx="3544">
                  <c:v>48.472260546874999</c:v>
                </c:pt>
                <c:pt idx="3545">
                  <c:v>48.473187500000002</c:v>
                </c:pt>
                <c:pt idx="3546">
                  <c:v>48.474158593749998</c:v>
                </c:pt>
                <c:pt idx="3547">
                  <c:v>48.475085546875</c:v>
                </c:pt>
                <c:pt idx="3548">
                  <c:v>48.476012500000003</c:v>
                </c:pt>
                <c:pt idx="3549">
                  <c:v>48.476983593749999</c:v>
                </c:pt>
                <c:pt idx="3550">
                  <c:v>48.477910546875002</c:v>
                </c:pt>
                <c:pt idx="3551">
                  <c:v>48.478881640624998</c:v>
                </c:pt>
                <c:pt idx="3552">
                  <c:v>48.479808593750001</c:v>
                </c:pt>
                <c:pt idx="3553">
                  <c:v>48.480779687500004</c:v>
                </c:pt>
                <c:pt idx="3554">
                  <c:v>48.481706640624999</c:v>
                </c:pt>
                <c:pt idx="3555">
                  <c:v>48.482677734375002</c:v>
                </c:pt>
                <c:pt idx="3556">
                  <c:v>48.483604687499998</c:v>
                </c:pt>
                <c:pt idx="3557">
                  <c:v>48.484575781250001</c:v>
                </c:pt>
                <c:pt idx="3558">
                  <c:v>48.485502734375004</c:v>
                </c:pt>
                <c:pt idx="3559">
                  <c:v>48.486473828125</c:v>
                </c:pt>
                <c:pt idx="3560">
                  <c:v>48.487400781250003</c:v>
                </c:pt>
                <c:pt idx="3561">
                  <c:v>48.488371874999999</c:v>
                </c:pt>
                <c:pt idx="3562">
                  <c:v>48.489298828125001</c:v>
                </c:pt>
                <c:pt idx="3563">
                  <c:v>48.490225781250004</c:v>
                </c:pt>
                <c:pt idx="3564">
                  <c:v>48.491196875</c:v>
                </c:pt>
                <c:pt idx="3565">
                  <c:v>48.492123828125003</c:v>
                </c:pt>
                <c:pt idx="3566">
                  <c:v>48.493094921874999</c:v>
                </c:pt>
                <c:pt idx="3567">
                  <c:v>48.494021875000001</c:v>
                </c:pt>
                <c:pt idx="3568">
                  <c:v>48.494992968749997</c:v>
                </c:pt>
                <c:pt idx="3569">
                  <c:v>48.495919921875</c:v>
                </c:pt>
                <c:pt idx="3570">
                  <c:v>48.496891015625003</c:v>
                </c:pt>
                <c:pt idx="3571">
                  <c:v>48.497817968749999</c:v>
                </c:pt>
                <c:pt idx="3572">
                  <c:v>48.498789062500002</c:v>
                </c:pt>
                <c:pt idx="3573">
                  <c:v>48.499716015624998</c:v>
                </c:pt>
                <c:pt idx="3574">
                  <c:v>48.500687109375001</c:v>
                </c:pt>
                <c:pt idx="3575">
                  <c:v>48.501614062500003</c:v>
                </c:pt>
                <c:pt idx="3576">
                  <c:v>48.502541015624999</c:v>
                </c:pt>
                <c:pt idx="3577">
                  <c:v>48.503512109375002</c:v>
                </c:pt>
                <c:pt idx="3578">
                  <c:v>48.504439062499998</c:v>
                </c:pt>
                <c:pt idx="3579">
                  <c:v>48.505410156250001</c:v>
                </c:pt>
                <c:pt idx="3580">
                  <c:v>48.506337109375004</c:v>
                </c:pt>
                <c:pt idx="3581">
                  <c:v>48.507308203125</c:v>
                </c:pt>
                <c:pt idx="3582">
                  <c:v>48.508235156250002</c:v>
                </c:pt>
                <c:pt idx="3583">
                  <c:v>48.509206249999998</c:v>
                </c:pt>
                <c:pt idx="3584">
                  <c:v>48.510133203125001</c:v>
                </c:pt>
                <c:pt idx="3585">
                  <c:v>48.511104296875004</c:v>
                </c:pt>
                <c:pt idx="3586">
                  <c:v>48.51203125</c:v>
                </c:pt>
                <c:pt idx="3587">
                  <c:v>48.513002343750003</c:v>
                </c:pt>
                <c:pt idx="3588">
                  <c:v>48.513929296874998</c:v>
                </c:pt>
                <c:pt idx="3589">
                  <c:v>48.514900390625002</c:v>
                </c:pt>
                <c:pt idx="3590">
                  <c:v>48.515827343750004</c:v>
                </c:pt>
                <c:pt idx="3591">
                  <c:v>48.516754296875</c:v>
                </c:pt>
                <c:pt idx="3592">
                  <c:v>48.517725390625003</c:v>
                </c:pt>
                <c:pt idx="3593">
                  <c:v>48.518652343749999</c:v>
                </c:pt>
                <c:pt idx="3594">
                  <c:v>48.519623437500002</c:v>
                </c:pt>
                <c:pt idx="3595">
                  <c:v>48.520550390624997</c:v>
                </c:pt>
                <c:pt idx="3596">
                  <c:v>48.521521484375</c:v>
                </c:pt>
                <c:pt idx="3597">
                  <c:v>48.522448437500003</c:v>
                </c:pt>
                <c:pt idx="3598">
                  <c:v>48.523419531249999</c:v>
                </c:pt>
                <c:pt idx="3599">
                  <c:v>48.524346484375002</c:v>
                </c:pt>
                <c:pt idx="3600">
                  <c:v>48.525317578124998</c:v>
                </c:pt>
                <c:pt idx="3601">
                  <c:v>48.526244531250001</c:v>
                </c:pt>
                <c:pt idx="3602">
                  <c:v>48.527215625000004</c:v>
                </c:pt>
                <c:pt idx="3603">
                  <c:v>48.528142578124999</c:v>
                </c:pt>
                <c:pt idx="3604">
                  <c:v>48.529113671875002</c:v>
                </c:pt>
                <c:pt idx="3605">
                  <c:v>48.530040624999998</c:v>
                </c:pt>
                <c:pt idx="3606">
                  <c:v>48.530967578125001</c:v>
                </c:pt>
                <c:pt idx="3607">
                  <c:v>48.531938671875004</c:v>
                </c:pt>
                <c:pt idx="3608">
                  <c:v>48.532865624999999</c:v>
                </c:pt>
                <c:pt idx="3609">
                  <c:v>48.533836718750003</c:v>
                </c:pt>
                <c:pt idx="3610">
                  <c:v>48.534763671874998</c:v>
                </c:pt>
                <c:pt idx="3611">
                  <c:v>48.535734765625001</c:v>
                </c:pt>
                <c:pt idx="3612">
                  <c:v>48.536661718749997</c:v>
                </c:pt>
                <c:pt idx="3613">
                  <c:v>48.5376328125</c:v>
                </c:pt>
                <c:pt idx="3614">
                  <c:v>48.538559765625003</c:v>
                </c:pt>
                <c:pt idx="3615">
                  <c:v>48.539530859374999</c:v>
                </c:pt>
                <c:pt idx="3616">
                  <c:v>48.540457812500001</c:v>
                </c:pt>
                <c:pt idx="3617">
                  <c:v>48.541428906249998</c:v>
                </c:pt>
                <c:pt idx="3618">
                  <c:v>48.542355859375</c:v>
                </c:pt>
                <c:pt idx="3619">
                  <c:v>48.543282812500003</c:v>
                </c:pt>
                <c:pt idx="3620">
                  <c:v>48.544253906249999</c:v>
                </c:pt>
                <c:pt idx="3621">
                  <c:v>48.545180859375002</c:v>
                </c:pt>
                <c:pt idx="3622">
                  <c:v>48.546151953124998</c:v>
                </c:pt>
                <c:pt idx="3623">
                  <c:v>48.54707890625</c:v>
                </c:pt>
                <c:pt idx="3624">
                  <c:v>48.548050000000003</c:v>
                </c:pt>
                <c:pt idx="3625">
                  <c:v>48.548976953124999</c:v>
                </c:pt>
                <c:pt idx="3626">
                  <c:v>48.549948046875002</c:v>
                </c:pt>
                <c:pt idx="3627">
                  <c:v>48.550874999999998</c:v>
                </c:pt>
                <c:pt idx="3628">
                  <c:v>48.551846093750001</c:v>
                </c:pt>
                <c:pt idx="3629">
                  <c:v>48.552773046875004</c:v>
                </c:pt>
                <c:pt idx="3630">
                  <c:v>48.553744140625</c:v>
                </c:pt>
                <c:pt idx="3631">
                  <c:v>48.554671093750002</c:v>
                </c:pt>
                <c:pt idx="3632">
                  <c:v>48.555642187499998</c:v>
                </c:pt>
                <c:pt idx="3633">
                  <c:v>48.556569140625001</c:v>
                </c:pt>
                <c:pt idx="3634">
                  <c:v>48.557496093750004</c:v>
                </c:pt>
                <c:pt idx="3635">
                  <c:v>48.5584671875</c:v>
                </c:pt>
                <c:pt idx="3636">
                  <c:v>48.559394140625002</c:v>
                </c:pt>
                <c:pt idx="3637">
                  <c:v>48.560365234374999</c:v>
                </c:pt>
                <c:pt idx="3638">
                  <c:v>48.561292187500001</c:v>
                </c:pt>
                <c:pt idx="3639">
                  <c:v>48.562263281249997</c:v>
                </c:pt>
                <c:pt idx="3640">
                  <c:v>48.563190234375</c:v>
                </c:pt>
                <c:pt idx="3641">
                  <c:v>48.564161328125003</c:v>
                </c:pt>
                <c:pt idx="3642">
                  <c:v>48.565088281249999</c:v>
                </c:pt>
                <c:pt idx="3643">
                  <c:v>48.566059375000002</c:v>
                </c:pt>
                <c:pt idx="3644">
                  <c:v>48.566986328124997</c:v>
                </c:pt>
                <c:pt idx="3645">
                  <c:v>48.567957421875001</c:v>
                </c:pt>
                <c:pt idx="3646">
                  <c:v>48.568884375000003</c:v>
                </c:pt>
                <c:pt idx="3647">
                  <c:v>48.569811328124999</c:v>
                </c:pt>
                <c:pt idx="3648">
                  <c:v>48.570782421875002</c:v>
                </c:pt>
                <c:pt idx="3649">
                  <c:v>48.571709374999998</c:v>
                </c:pt>
                <c:pt idx="3650">
                  <c:v>48.572680468750001</c:v>
                </c:pt>
                <c:pt idx="3651">
                  <c:v>48.573607421875003</c:v>
                </c:pt>
                <c:pt idx="3652">
                  <c:v>48.574578515624999</c:v>
                </c:pt>
                <c:pt idx="3653">
                  <c:v>48.575505468750002</c:v>
                </c:pt>
                <c:pt idx="3654">
                  <c:v>48.576476562499998</c:v>
                </c:pt>
                <c:pt idx="3655">
                  <c:v>48.577403515625001</c:v>
                </c:pt>
                <c:pt idx="3656">
                  <c:v>48.578374609375004</c:v>
                </c:pt>
                <c:pt idx="3657">
                  <c:v>48.5793015625</c:v>
                </c:pt>
                <c:pt idx="3658">
                  <c:v>48.580272656250003</c:v>
                </c:pt>
                <c:pt idx="3659">
                  <c:v>48.581199609374998</c:v>
                </c:pt>
                <c:pt idx="3660">
                  <c:v>48.582170703125001</c:v>
                </c:pt>
                <c:pt idx="3661">
                  <c:v>48.583097656250004</c:v>
                </c:pt>
              </c:numCache>
            </c:numRef>
          </c:xVal>
          <c:yVal>
            <c:numRef>
              <c:f>'Offset 3'!$L$2:$L$1048331</c:f>
              <c:numCache>
                <c:formatCode>General</c:formatCode>
                <c:ptCount val="1048330"/>
                <c:pt idx="0">
                  <c:v>1.021267048455532E-2</c:v>
                </c:pt>
                <c:pt idx="1">
                  <c:v>0.27037187601878521</c:v>
                </c:pt>
                <c:pt idx="2">
                  <c:v>0.24479176381575529</c:v>
                </c:pt>
                <c:pt idx="3">
                  <c:v>0.14575771242901525</c:v>
                </c:pt>
                <c:pt idx="4">
                  <c:v>-0.14269249452364474</c:v>
                </c:pt>
                <c:pt idx="5">
                  <c:v>-5.0999841479474783E-2</c:v>
                </c:pt>
                <c:pt idx="6">
                  <c:v>7.1480394041555151E-2</c:v>
                </c:pt>
                <c:pt idx="7">
                  <c:v>0.12105197750641516</c:v>
                </c:pt>
                <c:pt idx="8">
                  <c:v>0.22999941570665516</c:v>
                </c:pt>
                <c:pt idx="9">
                  <c:v>0.19883450557987525</c:v>
                </c:pt>
                <c:pt idx="10">
                  <c:v>0.24086752719775517</c:v>
                </c:pt>
                <c:pt idx="11">
                  <c:v>0.15446443534854515</c:v>
                </c:pt>
                <c:pt idx="12">
                  <c:v>3.2233378464265217E-2</c:v>
                </c:pt>
                <c:pt idx="13">
                  <c:v>2.93349151263953E-2</c:v>
                </c:pt>
                <c:pt idx="14">
                  <c:v>-1.2809302375547116E-3</c:v>
                </c:pt>
                <c:pt idx="15">
                  <c:v>6.0114942332635257E-2</c:v>
                </c:pt>
                <c:pt idx="16">
                  <c:v>8.3169124156755148E-2</c:v>
                </c:pt>
                <c:pt idx="17">
                  <c:v>-9.2378460426854714E-2</c:v>
                </c:pt>
                <c:pt idx="18">
                  <c:v>-1.6061073678734772E-2</c:v>
                </c:pt>
                <c:pt idx="19">
                  <c:v>9.9299290110153038E-3</c:v>
                </c:pt>
                <c:pt idx="20">
                  <c:v>6.8647894027935141E-2</c:v>
                </c:pt>
                <c:pt idx="21">
                  <c:v>-1.8363542399724819E-2</c:v>
                </c:pt>
                <c:pt idx="22">
                  <c:v>-9.999083145602472E-2</c:v>
                </c:pt>
                <c:pt idx="23">
                  <c:v>-8.1112098997964788E-2</c:v>
                </c:pt>
                <c:pt idx="24">
                  <c:v>-0.14433460353385485</c:v>
                </c:pt>
                <c:pt idx="25">
                  <c:v>-0.11040199436836473</c:v>
                </c:pt>
                <c:pt idx="26">
                  <c:v>-0.14884553597411476</c:v>
                </c:pt>
                <c:pt idx="27">
                  <c:v>-0.10711225518865475</c:v>
                </c:pt>
                <c:pt idx="28">
                  <c:v>-3.4417765995784722E-2</c:v>
                </c:pt>
                <c:pt idx="29">
                  <c:v>-5.6483079130874803E-2</c:v>
                </c:pt>
                <c:pt idx="30">
                  <c:v>1.2431014173085231E-2</c:v>
                </c:pt>
                <c:pt idx="31">
                  <c:v>0.14643972089600532</c:v>
                </c:pt>
                <c:pt idx="32">
                  <c:v>0.32927567163418514</c:v>
                </c:pt>
                <c:pt idx="33">
                  <c:v>0.24970109148747532</c:v>
                </c:pt>
                <c:pt idx="34">
                  <c:v>0.18860641268636535</c:v>
                </c:pt>
                <c:pt idx="35">
                  <c:v>0.23481023427301517</c:v>
                </c:pt>
                <c:pt idx="36">
                  <c:v>0.23987735086572526</c:v>
                </c:pt>
                <c:pt idx="37">
                  <c:v>0.43785464509811534</c:v>
                </c:pt>
                <c:pt idx="38">
                  <c:v>0.2126802654566653</c:v>
                </c:pt>
                <c:pt idx="39">
                  <c:v>0.23408013360266522</c:v>
                </c:pt>
                <c:pt idx="40">
                  <c:v>0.40247694513316534</c:v>
                </c:pt>
                <c:pt idx="41">
                  <c:v>0.33160952378698516</c:v>
                </c:pt>
                <c:pt idx="42">
                  <c:v>0.11999511138181518</c:v>
                </c:pt>
                <c:pt idx="43">
                  <c:v>0.1175101538166452</c:v>
                </c:pt>
                <c:pt idx="44">
                  <c:v>0.26296945433661523</c:v>
                </c:pt>
                <c:pt idx="45">
                  <c:v>0.23336543406088528</c:v>
                </c:pt>
                <c:pt idx="46">
                  <c:v>4.2788527399345355E-2</c:v>
                </c:pt>
                <c:pt idx="47">
                  <c:v>-1.5535982370744827E-2</c:v>
                </c:pt>
                <c:pt idx="48">
                  <c:v>-9.9007438672450654E-2</c:v>
                </c:pt>
                <c:pt idx="49">
                  <c:v>-8.6424414421127471E-2</c:v>
                </c:pt>
                <c:pt idx="50">
                  <c:v>-5.1432393586006819E-2</c:v>
                </c:pt>
                <c:pt idx="51">
                  <c:v>-2.5686345846148484E-2</c:v>
                </c:pt>
                <c:pt idx="52">
                  <c:v>5.6225070785260289E-2</c:v>
                </c:pt>
                <c:pt idx="53">
                  <c:v>7.0548669564061361E-2</c:v>
                </c:pt>
                <c:pt idx="54">
                  <c:v>7.3359708250315903E-2</c:v>
                </c:pt>
                <c:pt idx="55">
                  <c:v>0.13639897713259463</c:v>
                </c:pt>
                <c:pt idx="56">
                  <c:v>0.19775334802010058</c:v>
                </c:pt>
                <c:pt idx="57">
                  <c:v>0.20053070327582434</c:v>
                </c:pt>
                <c:pt idx="58">
                  <c:v>9.4535505957946686E-2</c:v>
                </c:pt>
                <c:pt idx="59">
                  <c:v>0.17389311035599087</c:v>
                </c:pt>
                <c:pt idx="60">
                  <c:v>0.22075901774217743</c:v>
                </c:pt>
                <c:pt idx="61">
                  <c:v>0.10335734504884253</c:v>
                </c:pt>
                <c:pt idx="62">
                  <c:v>0.11469944080100158</c:v>
                </c:pt>
                <c:pt idx="63">
                  <c:v>2.6548846822334049E-2</c:v>
                </c:pt>
                <c:pt idx="64">
                  <c:v>-7.4871867332313435E-3</c:v>
                </c:pt>
                <c:pt idx="65">
                  <c:v>-3.41060919817886E-2</c:v>
                </c:pt>
                <c:pt idx="66">
                  <c:v>-6.7654070311204961E-3</c:v>
                </c:pt>
                <c:pt idx="67">
                  <c:v>-7.5667645824894603E-2</c:v>
                </c:pt>
                <c:pt idx="68">
                  <c:v>-8.0416140673323699E-2</c:v>
                </c:pt>
                <c:pt idx="69">
                  <c:v>1.9555817649180796E-2</c:v>
                </c:pt>
                <c:pt idx="70">
                  <c:v>7.0983347529739449E-2</c:v>
                </c:pt>
                <c:pt idx="71">
                  <c:v>0.12949352153706117</c:v>
                </c:pt>
                <c:pt idx="72">
                  <c:v>-3.9207918504783779E-2</c:v>
                </c:pt>
                <c:pt idx="73">
                  <c:v>-2.9334578984363313E-2</c:v>
                </c:pt>
                <c:pt idx="74">
                  <c:v>-1.0541080149432558E-2</c:v>
                </c:pt>
                <c:pt idx="75">
                  <c:v>-4.9199696336234888E-2</c:v>
                </c:pt>
                <c:pt idx="76">
                  <c:v>-0.18454924710638521</c:v>
                </c:pt>
                <c:pt idx="77">
                  <c:v>-0.24885615382240056</c:v>
                </c:pt>
                <c:pt idx="78">
                  <c:v>-0.15474163626093973</c:v>
                </c:pt>
                <c:pt idx="79">
                  <c:v>-8.1582589460034383E-2</c:v>
                </c:pt>
                <c:pt idx="80">
                  <c:v>-7.0036837756016102E-2</c:v>
                </c:pt>
                <c:pt idx="81">
                  <c:v>-7.9163315528804956E-2</c:v>
                </c:pt>
                <c:pt idx="82">
                  <c:v>-4.5758604744924991E-2</c:v>
                </c:pt>
                <c:pt idx="83">
                  <c:v>-3.1477007459010053E-2</c:v>
                </c:pt>
                <c:pt idx="84">
                  <c:v>-8.0685220183469353E-2</c:v>
                </c:pt>
                <c:pt idx="85">
                  <c:v>-0.11917857426957745</c:v>
                </c:pt>
                <c:pt idx="86">
                  <c:v>-0.1485611873398347</c:v>
                </c:pt>
                <c:pt idx="87">
                  <c:v>-3.7537774355303144E-2</c:v>
                </c:pt>
                <c:pt idx="88">
                  <c:v>-1.3933435159981133E-2</c:v>
                </c:pt>
                <c:pt idx="89">
                  <c:v>-1.7515694076921662E-2</c:v>
                </c:pt>
                <c:pt idx="90">
                  <c:v>-4.2881306335346148E-2</c:v>
                </c:pt>
                <c:pt idx="91">
                  <c:v>-0.13588421039249532</c:v>
                </c:pt>
                <c:pt idx="92">
                  <c:v>-0.20485588067031424</c:v>
                </c:pt>
                <c:pt idx="93">
                  <c:v>-0.2276250326456648</c:v>
                </c:pt>
                <c:pt idx="94">
                  <c:v>-5.3065754464599602E-2</c:v>
                </c:pt>
                <c:pt idx="95">
                  <c:v>7.5632570481046102E-2</c:v>
                </c:pt>
                <c:pt idx="96">
                  <c:v>-3.5077260996460247E-2</c:v>
                </c:pt>
                <c:pt idx="97">
                  <c:v>-8.6373303015391034E-2</c:v>
                </c:pt>
                <c:pt idx="98">
                  <c:v>-1.9867491450375363E-2</c:v>
                </c:pt>
                <c:pt idx="99">
                  <c:v>-1.2426800869581367E-2</c:v>
                </c:pt>
                <c:pt idx="100">
                  <c:v>-4.5429122299122326E-2</c:v>
                </c:pt>
                <c:pt idx="101">
                  <c:v>2.5784619575777157E-2</c:v>
                </c:pt>
                <c:pt idx="102">
                  <c:v>0.12153071017727424</c:v>
                </c:pt>
                <c:pt idx="103">
                  <c:v>2.2033702318702053E-2</c:v>
                </c:pt>
                <c:pt idx="104">
                  <c:v>-9.9339645374488139E-2</c:v>
                </c:pt>
                <c:pt idx="105">
                  <c:v>-4.0555150388022598E-2</c:v>
                </c:pt>
                <c:pt idx="106">
                  <c:v>7.7234720100860521E-3</c:v>
                </c:pt>
                <c:pt idx="107">
                  <c:v>6.3812733173630454E-2</c:v>
                </c:pt>
                <c:pt idx="108">
                  <c:v>0.25732887402857885</c:v>
                </c:pt>
                <c:pt idx="109">
                  <c:v>0.20455277774246028</c:v>
                </c:pt>
                <c:pt idx="110">
                  <c:v>9.5610804036981412E-2</c:v>
                </c:pt>
                <c:pt idx="111">
                  <c:v>0.11218646189946058</c:v>
                </c:pt>
                <c:pt idx="112">
                  <c:v>1.4516511717024727E-2</c:v>
                </c:pt>
                <c:pt idx="113">
                  <c:v>-8.3531370536988447E-2</c:v>
                </c:pt>
                <c:pt idx="114">
                  <c:v>-6.0377055224305032E-2</c:v>
                </c:pt>
                <c:pt idx="115">
                  <c:v>-4.8723709928461201E-2</c:v>
                </c:pt>
                <c:pt idx="116">
                  <c:v>-3.4986545443322026E-2</c:v>
                </c:pt>
                <c:pt idx="117">
                  <c:v>8.8502090594232863E-2</c:v>
                </c:pt>
                <c:pt idx="118">
                  <c:v>2.3402496508410087E-2</c:v>
                </c:pt>
                <c:pt idx="119">
                  <c:v>8.7616809024186892E-2</c:v>
                </c:pt>
                <c:pt idx="120">
                  <c:v>6.5758023570268165E-2</c:v>
                </c:pt>
                <c:pt idx="121">
                  <c:v>-0.13032019236881487</c:v>
                </c:pt>
                <c:pt idx="122">
                  <c:v>-0.20748631497123937</c:v>
                </c:pt>
                <c:pt idx="123">
                  <c:v>-0.18651147438563798</c:v>
                </c:pt>
                <c:pt idx="124">
                  <c:v>-0.18009216631039449</c:v>
                </c:pt>
                <c:pt idx="125">
                  <c:v>-2.7512206302479747E-2</c:v>
                </c:pt>
                <c:pt idx="126">
                  <c:v>-0.24599369716078057</c:v>
                </c:pt>
                <c:pt idx="127">
                  <c:v>-0.30042063024759491</c:v>
                </c:pt>
                <c:pt idx="128">
                  <c:v>-0.34519323076810937</c:v>
                </c:pt>
                <c:pt idx="129">
                  <c:v>-0.3204838823920455</c:v>
                </c:pt>
                <c:pt idx="130">
                  <c:v>-0.27583481345201233</c:v>
                </c:pt>
                <c:pt idx="131">
                  <c:v>-0.22599086974604798</c:v>
                </c:pt>
                <c:pt idx="132">
                  <c:v>-0.11524458917307601</c:v>
                </c:pt>
                <c:pt idx="133">
                  <c:v>-0.16463340991520559</c:v>
                </c:pt>
                <c:pt idx="134">
                  <c:v>3.4376769722253009E-2</c:v>
                </c:pt>
                <c:pt idx="135">
                  <c:v>3.1664414493765447E-2</c:v>
                </c:pt>
                <c:pt idx="136">
                  <c:v>-5.9536063522390714E-2</c:v>
                </c:pt>
                <c:pt idx="137">
                  <c:v>6.3389599516163742E-3</c:v>
                </c:pt>
                <c:pt idx="138">
                  <c:v>0.19459521148400905</c:v>
                </c:pt>
                <c:pt idx="139">
                  <c:v>0.13197266953500431</c:v>
                </c:pt>
                <c:pt idx="140">
                  <c:v>3.6991491966170242E-2</c:v>
                </c:pt>
                <c:pt idx="141">
                  <c:v>-5.5424164879200877E-3</c:v>
                </c:pt>
                <c:pt idx="142">
                  <c:v>1.433674930849782E-2</c:v>
                </c:pt>
                <c:pt idx="143">
                  <c:v>-6.798305439976704E-2</c:v>
                </c:pt>
                <c:pt idx="144">
                  <c:v>2.6525003405321268E-2</c:v>
                </c:pt>
                <c:pt idx="145">
                  <c:v>0.17972207065268098</c:v>
                </c:pt>
                <c:pt idx="146">
                  <c:v>3.6519265031990544E-2</c:v>
                </c:pt>
                <c:pt idx="147">
                  <c:v>9.8158112199399072E-2</c:v>
                </c:pt>
                <c:pt idx="148">
                  <c:v>0.10246493609802743</c:v>
                </c:pt>
                <c:pt idx="149">
                  <c:v>0.18535021548866704</c:v>
                </c:pt>
                <c:pt idx="150">
                  <c:v>0.20282718517133325</c:v>
                </c:pt>
                <c:pt idx="151">
                  <c:v>0.2096512407170934</c:v>
                </c:pt>
                <c:pt idx="152">
                  <c:v>2.7611407732166304E-2</c:v>
                </c:pt>
                <c:pt idx="153">
                  <c:v>-6.3671665374154252E-2</c:v>
                </c:pt>
                <c:pt idx="154">
                  <c:v>-6.6638572199144708E-2</c:v>
                </c:pt>
                <c:pt idx="155">
                  <c:v>-5.4284022237198304E-2</c:v>
                </c:pt>
                <c:pt idx="156">
                  <c:v>4.8081416758536166E-2</c:v>
                </c:pt>
                <c:pt idx="157">
                  <c:v>8.7602491059857179E-4</c:v>
                </c:pt>
                <c:pt idx="158">
                  <c:v>0.15686785795365132</c:v>
                </c:pt>
                <c:pt idx="159">
                  <c:v>0.19913623496891297</c:v>
                </c:pt>
                <c:pt idx="160">
                  <c:v>8.5594731651682743E-2</c:v>
                </c:pt>
                <c:pt idx="161">
                  <c:v>-3.5714881522100228E-2</c:v>
                </c:pt>
                <c:pt idx="162">
                  <c:v>-7.3732871057323957E-2</c:v>
                </c:pt>
                <c:pt idx="163">
                  <c:v>9.4024853207988368E-2</c:v>
                </c:pt>
                <c:pt idx="164">
                  <c:v>0.13141306299025679</c:v>
                </c:pt>
                <c:pt idx="165">
                  <c:v>8.6357183409644822E-2</c:v>
                </c:pt>
                <c:pt idx="166">
                  <c:v>-3.1365255562432193E-3</c:v>
                </c:pt>
                <c:pt idx="167">
                  <c:v>-4.2173206758339354E-2</c:v>
                </c:pt>
                <c:pt idx="168">
                  <c:v>-0.17306536289816821</c:v>
                </c:pt>
                <c:pt idx="169">
                  <c:v>-0.14340711321463573</c:v>
                </c:pt>
                <c:pt idx="170">
                  <c:v>-0.11754296787738672</c:v>
                </c:pt>
                <c:pt idx="171">
                  <c:v>-0.17960076569761707</c:v>
                </c:pt>
                <c:pt idx="172">
                  <c:v>-0.12402572932879496</c:v>
                </c:pt>
                <c:pt idx="173">
                  <c:v>5.7692034093156597E-2</c:v>
                </c:pt>
                <c:pt idx="174">
                  <c:v>-3.4380298905398288E-2</c:v>
                </c:pt>
                <c:pt idx="175">
                  <c:v>0.15427710335283451</c:v>
                </c:pt>
                <c:pt idx="176">
                  <c:v>8.1064365457156784E-2</c:v>
                </c:pt>
                <c:pt idx="177">
                  <c:v>-6.1160489567018139E-3</c:v>
                </c:pt>
                <c:pt idx="178">
                  <c:v>-7.9612167618012819E-3</c:v>
                </c:pt>
                <c:pt idx="179">
                  <c:v>-8.150480649603109E-3</c:v>
                </c:pt>
                <c:pt idx="180">
                  <c:v>-0.2051618429775075</c:v>
                </c:pt>
                <c:pt idx="181">
                  <c:v>-0.163618535112936</c:v>
                </c:pt>
                <c:pt idx="182">
                  <c:v>-0.19005270091844095</c:v>
                </c:pt>
                <c:pt idx="183">
                  <c:v>-0.29941337028635795</c:v>
                </c:pt>
                <c:pt idx="184">
                  <c:v>-0.2943846301095745</c:v>
                </c:pt>
                <c:pt idx="185">
                  <c:v>-0.33717934505247671</c:v>
                </c:pt>
                <c:pt idx="186">
                  <c:v>-0.17455823715195651</c:v>
                </c:pt>
                <c:pt idx="187">
                  <c:v>-0.21139848930911431</c:v>
                </c:pt>
                <c:pt idx="188">
                  <c:v>-6.5849238933616938E-2</c:v>
                </c:pt>
                <c:pt idx="189">
                  <c:v>8.7855353617540377E-2</c:v>
                </c:pt>
                <c:pt idx="190">
                  <c:v>8.5351897262845755E-2</c:v>
                </c:pt>
                <c:pt idx="191">
                  <c:v>0.15186717180431453</c:v>
                </c:pt>
                <c:pt idx="192">
                  <c:v>0.2170874584323943</c:v>
                </c:pt>
                <c:pt idx="193">
                  <c:v>8.6975396333841548E-3</c:v>
                </c:pt>
                <c:pt idx="194">
                  <c:v>-1.292658492687182E-2</c:v>
                </c:pt>
                <c:pt idx="195">
                  <c:v>0.21352195550744524</c:v>
                </c:pt>
                <c:pt idx="196">
                  <c:v>-1.7240884911073007E-2</c:v>
                </c:pt>
                <c:pt idx="197">
                  <c:v>-0.13840454914467371</c:v>
                </c:pt>
                <c:pt idx="198">
                  <c:v>-0.16671928283046866</c:v>
                </c:pt>
                <c:pt idx="199">
                  <c:v>-0.11821837710607874</c:v>
                </c:pt>
                <c:pt idx="200">
                  <c:v>2.6500997985832164E-3</c:v>
                </c:pt>
                <c:pt idx="201">
                  <c:v>7.4261301213743414E-2</c:v>
                </c:pt>
                <c:pt idx="202">
                  <c:v>0.2168703468341413</c:v>
                </c:pt>
                <c:pt idx="203">
                  <c:v>0.34790572911085937</c:v>
                </c:pt>
                <c:pt idx="204">
                  <c:v>0.34599903016478284</c:v>
                </c:pt>
                <c:pt idx="205">
                  <c:v>0.30229129854397452</c:v>
                </c:pt>
                <c:pt idx="206">
                  <c:v>0.2227022253541131</c:v>
                </c:pt>
                <c:pt idx="207">
                  <c:v>0.24139840649171873</c:v>
                </c:pt>
                <c:pt idx="208">
                  <c:v>0.18679953723967713</c:v>
                </c:pt>
                <c:pt idx="209">
                  <c:v>7.1504698252298216E-2</c:v>
                </c:pt>
                <c:pt idx="210">
                  <c:v>7.1464145337255758E-2</c:v>
                </c:pt>
                <c:pt idx="211">
                  <c:v>9.8102995047313346E-3</c:v>
                </c:pt>
                <c:pt idx="212">
                  <c:v>-0.11046179920778898</c:v>
                </c:pt>
                <c:pt idx="213">
                  <c:v>0.15332384032952873</c:v>
                </c:pt>
                <c:pt idx="214">
                  <c:v>5.7520229418696722E-2</c:v>
                </c:pt>
                <c:pt idx="215">
                  <c:v>0.17585166097902949</c:v>
                </c:pt>
                <c:pt idx="216">
                  <c:v>0.28761899932619817</c:v>
                </c:pt>
                <c:pt idx="217">
                  <c:v>0.1789105517708558</c:v>
                </c:pt>
                <c:pt idx="218">
                  <c:v>0.23150767241363623</c:v>
                </c:pt>
                <c:pt idx="219">
                  <c:v>0.31082291353755553</c:v>
                </c:pt>
                <c:pt idx="220">
                  <c:v>0.11777995492264348</c:v>
                </c:pt>
                <c:pt idx="221">
                  <c:v>-8.2366503998302587E-2</c:v>
                </c:pt>
                <c:pt idx="222">
                  <c:v>-1.9043757003620598E-3</c:v>
                </c:pt>
                <c:pt idx="223">
                  <c:v>-2.6030394708407956E-2</c:v>
                </c:pt>
                <c:pt idx="224">
                  <c:v>-6.8051644633492225E-2</c:v>
                </c:pt>
                <c:pt idx="225">
                  <c:v>-4.9180142714699171E-2</c:v>
                </c:pt>
                <c:pt idx="226">
                  <c:v>-8.7374906694221322E-2</c:v>
                </c:pt>
                <c:pt idx="227">
                  <c:v>-0.19992912502338456</c:v>
                </c:pt>
                <c:pt idx="228">
                  <c:v>-1.7618973173342711E-2</c:v>
                </c:pt>
                <c:pt idx="229">
                  <c:v>3.6661226387505241E-2</c:v>
                </c:pt>
                <c:pt idx="230">
                  <c:v>0.20808571672457132</c:v>
                </c:pt>
                <c:pt idx="231">
                  <c:v>-6.2853556698132085E-2</c:v>
                </c:pt>
                <c:pt idx="232">
                  <c:v>0.11919422893559406</c:v>
                </c:pt>
                <c:pt idx="233">
                  <c:v>5.4497813875186374E-2</c:v>
                </c:pt>
                <c:pt idx="234">
                  <c:v>0.1615002173956448</c:v>
                </c:pt>
                <c:pt idx="235">
                  <c:v>0.14930432230494328</c:v>
                </c:pt>
                <c:pt idx="236">
                  <c:v>0.1555803853551283</c:v>
                </c:pt>
                <c:pt idx="237">
                  <c:v>0.10996043653482324</c:v>
                </c:pt>
                <c:pt idx="238">
                  <c:v>5.2902233708488788E-2</c:v>
                </c:pt>
                <c:pt idx="239">
                  <c:v>-7.1227721304951253E-2</c:v>
                </c:pt>
                <c:pt idx="240">
                  <c:v>-8.6959881149786034E-2</c:v>
                </c:pt>
                <c:pt idx="241">
                  <c:v>-0.14104015953244553</c:v>
                </c:pt>
                <c:pt idx="242">
                  <c:v>-0.19599028058023404</c:v>
                </c:pt>
                <c:pt idx="243">
                  <c:v>-5.7837345194142742E-2</c:v>
                </c:pt>
                <c:pt idx="244">
                  <c:v>-0.14230673381655934</c:v>
                </c:pt>
                <c:pt idx="245">
                  <c:v>-0.14173327279430703</c:v>
                </c:pt>
                <c:pt idx="246">
                  <c:v>-0.19446428808828031</c:v>
                </c:pt>
                <c:pt idx="247">
                  <c:v>-0.18273456045941505</c:v>
                </c:pt>
                <c:pt idx="248">
                  <c:v>-8.6218470094026056E-2</c:v>
                </c:pt>
                <c:pt idx="249">
                  <c:v>-2.4610316939971177E-2</c:v>
                </c:pt>
                <c:pt idx="250">
                  <c:v>-9.7374994596888476E-2</c:v>
                </c:pt>
                <c:pt idx="251">
                  <c:v>-0.18250181163039869</c:v>
                </c:pt>
                <c:pt idx="252">
                  <c:v>-0.15626543845087992</c:v>
                </c:pt>
                <c:pt idx="253">
                  <c:v>-4.9276453526913899E-2</c:v>
                </c:pt>
                <c:pt idx="254">
                  <c:v>6.2510599717768622E-2</c:v>
                </c:pt>
                <c:pt idx="255">
                  <c:v>-7.0409945351415315E-2</c:v>
                </c:pt>
                <c:pt idx="256">
                  <c:v>-6.6172088723578826E-2</c:v>
                </c:pt>
                <c:pt idx="257">
                  <c:v>-0.18362727162106118</c:v>
                </c:pt>
                <c:pt idx="258">
                  <c:v>1.8742593019730913E-2</c:v>
                </c:pt>
                <c:pt idx="259">
                  <c:v>6.49926899122244E-4</c:v>
                </c:pt>
                <c:pt idx="260">
                  <c:v>-1.5032291153976418E-2</c:v>
                </c:pt>
                <c:pt idx="261">
                  <c:v>-0.14047495264334242</c:v>
                </c:pt>
                <c:pt idx="262">
                  <c:v>5.873276753558665E-2</c:v>
                </c:pt>
                <c:pt idx="263">
                  <c:v>1.3892767462940991E-2</c:v>
                </c:pt>
                <c:pt idx="264">
                  <c:v>-1.6249019540180987E-2</c:v>
                </c:pt>
                <c:pt idx="265">
                  <c:v>-2.8126124345954517E-2</c:v>
                </c:pt>
                <c:pt idx="266">
                  <c:v>4.4575826403131069E-2</c:v>
                </c:pt>
                <c:pt idx="267">
                  <c:v>-2.9881560235984761E-3</c:v>
                </c:pt>
                <c:pt idx="268">
                  <c:v>-1.7624932393043968E-2</c:v>
                </c:pt>
                <c:pt idx="269">
                  <c:v>0.11671638349536817</c:v>
                </c:pt>
                <c:pt idx="270">
                  <c:v>5.2028415082209012E-2</c:v>
                </c:pt>
                <c:pt idx="271">
                  <c:v>0.15236102206828717</c:v>
                </c:pt>
                <c:pt idx="272">
                  <c:v>0.11352613851208537</c:v>
                </c:pt>
                <c:pt idx="273">
                  <c:v>9.1560687892859871E-2</c:v>
                </c:pt>
                <c:pt idx="274">
                  <c:v>0.15536316333369404</c:v>
                </c:pt>
                <c:pt idx="275">
                  <c:v>0.16632816899106606</c:v>
                </c:pt>
                <c:pt idx="276">
                  <c:v>-7.4309976044711012E-2</c:v>
                </c:pt>
                <c:pt idx="277">
                  <c:v>0.16406954699250709</c:v>
                </c:pt>
                <c:pt idx="278">
                  <c:v>9.4160589456404375E-2</c:v>
                </c:pt>
                <c:pt idx="279">
                  <c:v>-4.3475202185218942E-2</c:v>
                </c:pt>
                <c:pt idx="280">
                  <c:v>6.6805228392557758E-2</c:v>
                </c:pt>
                <c:pt idx="281">
                  <c:v>0.20063259045892701</c:v>
                </c:pt>
                <c:pt idx="282">
                  <c:v>0.11273464981502124</c:v>
                </c:pt>
                <c:pt idx="283">
                  <c:v>2.2638646298920095E-2</c:v>
                </c:pt>
                <c:pt idx="284">
                  <c:v>1.6481216253277919E-2</c:v>
                </c:pt>
                <c:pt idx="285">
                  <c:v>6.5912829612298607E-2</c:v>
                </c:pt>
                <c:pt idx="286">
                  <c:v>0.17397820885601512</c:v>
                </c:pt>
                <c:pt idx="287">
                  <c:v>0.21418192655768387</c:v>
                </c:pt>
                <c:pt idx="288">
                  <c:v>0.28488296776842059</c:v>
                </c:pt>
                <c:pt idx="289">
                  <c:v>0.2616763293008324</c:v>
                </c:pt>
                <c:pt idx="290">
                  <c:v>0.4262187570490088</c:v>
                </c:pt>
                <c:pt idx="291">
                  <c:v>0.17496253566505171</c:v>
                </c:pt>
                <c:pt idx="292">
                  <c:v>0.15472207392178805</c:v>
                </c:pt>
                <c:pt idx="293">
                  <c:v>0.20384595239089331</c:v>
                </c:pt>
                <c:pt idx="294">
                  <c:v>0.14816719014764002</c:v>
                </c:pt>
                <c:pt idx="295">
                  <c:v>0.36273839621219173</c:v>
                </c:pt>
                <c:pt idx="296">
                  <c:v>0.17026579587329937</c:v>
                </c:pt>
                <c:pt idx="297">
                  <c:v>1.2217753796254671E-2</c:v>
                </c:pt>
                <c:pt idx="298">
                  <c:v>7.2689300756071384E-2</c:v>
                </c:pt>
                <c:pt idx="299">
                  <c:v>-0.12300700061204939</c:v>
                </c:pt>
                <c:pt idx="300">
                  <c:v>-6.9927220223424014E-2</c:v>
                </c:pt>
                <c:pt idx="301">
                  <c:v>-0.17167931726506946</c:v>
                </c:pt>
                <c:pt idx="302">
                  <c:v>-0.1803768627101997</c:v>
                </c:pt>
                <c:pt idx="303">
                  <c:v>-0.11280437987755443</c:v>
                </c:pt>
                <c:pt idx="304">
                  <c:v>-9.5323141466995498E-2</c:v>
                </c:pt>
                <c:pt idx="305">
                  <c:v>1.7386038368428558E-2</c:v>
                </c:pt>
                <c:pt idx="306">
                  <c:v>-0.11276804629056625</c:v>
                </c:pt>
                <c:pt idx="307">
                  <c:v>-0.14050643778071636</c:v>
                </c:pt>
                <c:pt idx="308">
                  <c:v>-8.5639596156256381E-2</c:v>
                </c:pt>
                <c:pt idx="309">
                  <c:v>-0.1240316340633747</c:v>
                </c:pt>
                <c:pt idx="310">
                  <c:v>-0.13358803434016275</c:v>
                </c:pt>
                <c:pt idx="311">
                  <c:v>-0.26144381584754295</c:v>
                </c:pt>
                <c:pt idx="312">
                  <c:v>-0.20822919204008683</c:v>
                </c:pt>
                <c:pt idx="313">
                  <c:v>-0.20479235900611847</c:v>
                </c:pt>
                <c:pt idx="314">
                  <c:v>-0.17439731569952499</c:v>
                </c:pt>
                <c:pt idx="315">
                  <c:v>-9.9079539927606541E-2</c:v>
                </c:pt>
                <c:pt idx="316">
                  <c:v>-0.15776729766494912</c:v>
                </c:pt>
                <c:pt idx="317">
                  <c:v>-0.19112684609223585</c:v>
                </c:pt>
                <c:pt idx="318">
                  <c:v>-0.20282495128121769</c:v>
                </c:pt>
                <c:pt idx="319">
                  <c:v>-0.17833883354612734</c:v>
                </c:pt>
                <c:pt idx="320">
                  <c:v>-0.15706885939023829</c:v>
                </c:pt>
                <c:pt idx="321">
                  <c:v>-8.996180592757641E-3</c:v>
                </c:pt>
                <c:pt idx="322">
                  <c:v>-7.4444821642944969E-2</c:v>
                </c:pt>
                <c:pt idx="323">
                  <c:v>-0.13480527851887625</c:v>
                </c:pt>
                <c:pt idx="324">
                  <c:v>-0.2213961842251031</c:v>
                </c:pt>
                <c:pt idx="325">
                  <c:v>-0.19853040033853397</c:v>
                </c:pt>
                <c:pt idx="326">
                  <c:v>-0.17100021539785915</c:v>
                </c:pt>
                <c:pt idx="327">
                  <c:v>-0.15911583937058793</c:v>
                </c:pt>
                <c:pt idx="328">
                  <c:v>-0.18093096262502051</c:v>
                </c:pt>
                <c:pt idx="329">
                  <c:v>-0.15892028935233482</c:v>
                </c:pt>
                <c:pt idx="330">
                  <c:v>-0.12735044432619147</c:v>
                </c:pt>
                <c:pt idx="331">
                  <c:v>-0.10226761567646048</c:v>
                </c:pt>
                <c:pt idx="332">
                  <c:v>-9.0382096914507271E-2</c:v>
                </c:pt>
                <c:pt idx="333">
                  <c:v>8.5759949437402838E-4</c:v>
                </c:pt>
                <c:pt idx="334">
                  <c:v>0.16925235802539063</c:v>
                </c:pt>
                <c:pt idx="335">
                  <c:v>0.13720468499424943</c:v>
                </c:pt>
                <c:pt idx="336">
                  <c:v>0.22880619822778026</c:v>
                </c:pt>
                <c:pt idx="337">
                  <c:v>0.17589223060284565</c:v>
                </c:pt>
                <c:pt idx="338">
                  <c:v>0.22667342233781129</c:v>
                </c:pt>
                <c:pt idx="339">
                  <c:v>0.28686829165523609</c:v>
                </c:pt>
                <c:pt idx="340">
                  <c:v>0.28213319506219259</c:v>
                </c:pt>
                <c:pt idx="341">
                  <c:v>0.30187221131510622</c:v>
                </c:pt>
                <c:pt idx="342">
                  <c:v>0.22383141430670372</c:v>
                </c:pt>
                <c:pt idx="343">
                  <c:v>0.13260307768307222</c:v>
                </c:pt>
                <c:pt idx="344">
                  <c:v>4.4512205939241767E-2</c:v>
                </c:pt>
                <c:pt idx="345">
                  <c:v>1.5782993739661633E-2</c:v>
                </c:pt>
                <c:pt idx="346">
                  <c:v>-1.8782681721512207E-2</c:v>
                </c:pt>
                <c:pt idx="347">
                  <c:v>-1.5774921223590699E-2</c:v>
                </c:pt>
                <c:pt idx="348">
                  <c:v>-0.12077678425161886</c:v>
                </c:pt>
                <c:pt idx="349">
                  <c:v>-7.3954790422968153E-2</c:v>
                </c:pt>
                <c:pt idx="350">
                  <c:v>-1.5182336649055661E-2</c:v>
                </c:pt>
                <c:pt idx="351">
                  <c:v>-8.5760835729165152E-2</c:v>
                </c:pt>
                <c:pt idx="352">
                  <c:v>-0.10178777317479315</c:v>
                </c:pt>
                <c:pt idx="353">
                  <c:v>-6.7117775408684022E-2</c:v>
                </c:pt>
                <c:pt idx="354">
                  <c:v>0.14022043010557372</c:v>
                </c:pt>
                <c:pt idx="355">
                  <c:v>0.2463511435519542</c:v>
                </c:pt>
                <c:pt idx="356">
                  <c:v>0.23183267254984741</c:v>
                </c:pt>
                <c:pt idx="357">
                  <c:v>0.39719265758460065</c:v>
                </c:pt>
                <c:pt idx="358">
                  <c:v>3.5200069740955353E-2</c:v>
                </c:pt>
                <c:pt idx="359">
                  <c:v>-6.5710157298560778E-3</c:v>
                </c:pt>
                <c:pt idx="360">
                  <c:v>0.33046685179500757</c:v>
                </c:pt>
                <c:pt idx="361">
                  <c:v>0.24768161217851481</c:v>
                </c:pt>
                <c:pt idx="362">
                  <c:v>-0.11135591027389724</c:v>
                </c:pt>
                <c:pt idx="363">
                  <c:v>1.0736947634342187E-3</c:v>
                </c:pt>
                <c:pt idx="364">
                  <c:v>-9.9834661620133103E-2</c:v>
                </c:pt>
                <c:pt idx="365">
                  <c:v>4.6762884733088317E-2</c:v>
                </c:pt>
                <c:pt idx="366">
                  <c:v>0.11847211505805655</c:v>
                </c:pt>
                <c:pt idx="367">
                  <c:v>0.16916352329875206</c:v>
                </c:pt>
                <c:pt idx="368">
                  <c:v>-7.5394665179827736E-2</c:v>
                </c:pt>
                <c:pt idx="369">
                  <c:v>-4.5761162639912922E-2</c:v>
                </c:pt>
                <c:pt idx="370">
                  <c:v>-0.12489507218370943</c:v>
                </c:pt>
                <c:pt idx="371">
                  <c:v>0.1004571396399242</c:v>
                </c:pt>
                <c:pt idx="372">
                  <c:v>7.0397941915224527E-2</c:v>
                </c:pt>
                <c:pt idx="373">
                  <c:v>6.3209148415663163E-2</c:v>
                </c:pt>
                <c:pt idx="374">
                  <c:v>-6.2990214108378018E-2</c:v>
                </c:pt>
                <c:pt idx="375">
                  <c:v>-4.0933874310082108E-2</c:v>
                </c:pt>
                <c:pt idx="376">
                  <c:v>-0.15392648213160276</c:v>
                </c:pt>
                <c:pt idx="377">
                  <c:v>-0.12197526738574893</c:v>
                </c:pt>
                <c:pt idx="378">
                  <c:v>-7.0163891981424253E-2</c:v>
                </c:pt>
                <c:pt idx="379">
                  <c:v>-0.13167358906229265</c:v>
                </c:pt>
                <c:pt idx="380">
                  <c:v>-5.4061709852181727E-2</c:v>
                </c:pt>
                <c:pt idx="381">
                  <c:v>-0.12330889542306755</c:v>
                </c:pt>
                <c:pt idx="382">
                  <c:v>-0.11122124701920921</c:v>
                </c:pt>
                <c:pt idx="383">
                  <c:v>-0.13682598504564947</c:v>
                </c:pt>
                <c:pt idx="384">
                  <c:v>-0.14600063130097707</c:v>
                </c:pt>
                <c:pt idx="385">
                  <c:v>-0.17079705562386371</c:v>
                </c:pt>
                <c:pt idx="386">
                  <c:v>-0.14073193282347352</c:v>
                </c:pt>
                <c:pt idx="387">
                  <c:v>-0.13770897533458382</c:v>
                </c:pt>
                <c:pt idx="388">
                  <c:v>-0.1672579140551641</c:v>
                </c:pt>
                <c:pt idx="389">
                  <c:v>-0.18325459191549698</c:v>
                </c:pt>
                <c:pt idx="390">
                  <c:v>-0.13603271795411986</c:v>
                </c:pt>
                <c:pt idx="391">
                  <c:v>-0.14487834742984607</c:v>
                </c:pt>
                <c:pt idx="392">
                  <c:v>-0.1416459127983748</c:v>
                </c:pt>
                <c:pt idx="393">
                  <c:v>-0.15500662502792395</c:v>
                </c:pt>
                <c:pt idx="394">
                  <c:v>-0.19168398046526747</c:v>
                </c:pt>
                <c:pt idx="395">
                  <c:v>-0.18376217606323253</c:v>
                </c:pt>
                <c:pt idx="396">
                  <c:v>-0.16476227086734963</c:v>
                </c:pt>
                <c:pt idx="397">
                  <c:v>-8.1827277796040931E-2</c:v>
                </c:pt>
                <c:pt idx="398">
                  <c:v>3.5541270847370132E-2</c:v>
                </c:pt>
                <c:pt idx="399">
                  <c:v>4.3400195783213857E-2</c:v>
                </c:pt>
                <c:pt idx="400">
                  <c:v>3.9172559838287158E-2</c:v>
                </c:pt>
                <c:pt idx="401">
                  <c:v>5.2929679681951614E-2</c:v>
                </c:pt>
                <c:pt idx="402">
                  <c:v>-6.883870260021252E-2</c:v>
                </c:pt>
                <c:pt idx="403">
                  <c:v>4.8397106476646412E-2</c:v>
                </c:pt>
                <c:pt idx="404">
                  <c:v>0.10345226176833255</c:v>
                </c:pt>
                <c:pt idx="405">
                  <c:v>4.4628177890298826E-2</c:v>
                </c:pt>
                <c:pt idx="406">
                  <c:v>0.12584729490437307</c:v>
                </c:pt>
                <c:pt idx="407">
                  <c:v>0.17994870915659111</c:v>
                </c:pt>
                <c:pt idx="408">
                  <c:v>7.4487956426428803E-2</c:v>
                </c:pt>
                <c:pt idx="409">
                  <c:v>8.2203051530214122E-2</c:v>
                </c:pt>
                <c:pt idx="410">
                  <c:v>3.0579389003811519E-2</c:v>
                </c:pt>
                <c:pt idx="411">
                  <c:v>0.11232395474828583</c:v>
                </c:pt>
                <c:pt idx="412">
                  <c:v>6.999741014040739E-2</c:v>
                </c:pt>
                <c:pt idx="413">
                  <c:v>0.19326150934692699</c:v>
                </c:pt>
                <c:pt idx="414">
                  <c:v>0.12474670119812925</c:v>
                </c:pt>
                <c:pt idx="415">
                  <c:v>0.10456415859530011</c:v>
                </c:pt>
                <c:pt idx="416">
                  <c:v>1.2756697402330985E-2</c:v>
                </c:pt>
                <c:pt idx="417">
                  <c:v>1.0465289161637137E-2</c:v>
                </c:pt>
                <c:pt idx="418">
                  <c:v>-3.245591844666551E-2</c:v>
                </c:pt>
                <c:pt idx="419">
                  <c:v>2.3058149794137117E-2</c:v>
                </c:pt>
                <c:pt idx="420">
                  <c:v>-1.6662170796336362E-2</c:v>
                </c:pt>
                <c:pt idx="421">
                  <c:v>-3.341547341216744E-2</c:v>
                </c:pt>
                <c:pt idx="422">
                  <c:v>7.9547029561812366E-2</c:v>
                </c:pt>
                <c:pt idx="423">
                  <c:v>7.381083854423709E-3</c:v>
                </c:pt>
                <c:pt idx="424">
                  <c:v>6.1280821780972383E-3</c:v>
                </c:pt>
                <c:pt idx="425">
                  <c:v>9.3489369770563768E-2</c:v>
                </c:pt>
                <c:pt idx="426">
                  <c:v>0.20581394782868145</c:v>
                </c:pt>
                <c:pt idx="427">
                  <c:v>0.18651326658300571</c:v>
                </c:pt>
                <c:pt idx="428">
                  <c:v>8.7885590682317716E-2</c:v>
                </c:pt>
                <c:pt idx="429">
                  <c:v>4.4966523249711288E-2</c:v>
                </c:pt>
                <c:pt idx="430">
                  <c:v>-2.0859279089153637E-2</c:v>
                </c:pt>
                <c:pt idx="431">
                  <c:v>4.6539128129036045E-2</c:v>
                </c:pt>
                <c:pt idx="432">
                  <c:v>-2.606721866151851E-2</c:v>
                </c:pt>
                <c:pt idx="433">
                  <c:v>-0.13999872068927255</c:v>
                </c:pt>
                <c:pt idx="434">
                  <c:v>-5.90893327206784E-2</c:v>
                </c:pt>
                <c:pt idx="435">
                  <c:v>-5.5703162135017581E-2</c:v>
                </c:pt>
                <c:pt idx="436">
                  <c:v>-0.10908517804830631</c:v>
                </c:pt>
                <c:pt idx="437">
                  <c:v>-8.4838454148043141E-2</c:v>
                </c:pt>
                <c:pt idx="438">
                  <c:v>-6.5650595613220508E-2</c:v>
                </c:pt>
                <c:pt idx="439">
                  <c:v>-4.2658568239894001E-2</c:v>
                </c:pt>
                <c:pt idx="440">
                  <c:v>-2.3251279219918097E-2</c:v>
                </c:pt>
                <c:pt idx="441">
                  <c:v>-4.6079578067194094E-2</c:v>
                </c:pt>
                <c:pt idx="442">
                  <c:v>-2.2126531168215946E-2</c:v>
                </c:pt>
                <c:pt idx="443">
                  <c:v>7.282097459358261E-3</c:v>
                </c:pt>
                <c:pt idx="444">
                  <c:v>-3.9023700665989702E-2</c:v>
                </c:pt>
                <c:pt idx="445">
                  <c:v>-6.3909393417107552E-2</c:v>
                </c:pt>
                <c:pt idx="446">
                  <c:v>1.7965253746305865E-2</c:v>
                </c:pt>
                <c:pt idx="447">
                  <c:v>7.5860993191175119E-2</c:v>
                </c:pt>
                <c:pt idx="448">
                  <c:v>2.6368325254399472E-2</c:v>
                </c:pt>
                <c:pt idx="449">
                  <c:v>-5.0875432838911383E-2</c:v>
                </c:pt>
                <c:pt idx="450">
                  <c:v>-6.6807619926300577E-2</c:v>
                </c:pt>
                <c:pt idx="451">
                  <c:v>-7.9362359133250737E-2</c:v>
                </c:pt>
                <c:pt idx="452">
                  <c:v>-7.3600565192360357E-2</c:v>
                </c:pt>
                <c:pt idx="453">
                  <c:v>-0.11515979578975266</c:v>
                </c:pt>
                <c:pt idx="454">
                  <c:v>-0.13928533242282681</c:v>
                </c:pt>
                <c:pt idx="455">
                  <c:v>-0.12775954043613547</c:v>
                </c:pt>
                <c:pt idx="456">
                  <c:v>-0.14838839394198045</c:v>
                </c:pt>
                <c:pt idx="457">
                  <c:v>-0.11866591283469785</c:v>
                </c:pt>
                <c:pt idx="458">
                  <c:v>-0.17310557800544502</c:v>
                </c:pt>
                <c:pt idx="459">
                  <c:v>-0.12123759328307393</c:v>
                </c:pt>
                <c:pt idx="460">
                  <c:v>-3.9484275774642419E-2</c:v>
                </c:pt>
                <c:pt idx="461">
                  <c:v>5.8916621413743764E-2</c:v>
                </c:pt>
                <c:pt idx="462">
                  <c:v>7.7754405031519203E-2</c:v>
                </c:pt>
                <c:pt idx="463">
                  <c:v>3.1942103380075304E-2</c:v>
                </c:pt>
                <c:pt idx="464">
                  <c:v>-3.2481640510779397E-2</c:v>
                </c:pt>
                <c:pt idx="465">
                  <c:v>-0.14397666147847199</c:v>
                </c:pt>
                <c:pt idx="466">
                  <c:v>9.6739806287220453E-3</c:v>
                </c:pt>
                <c:pt idx="467">
                  <c:v>5.0807930128276446E-2</c:v>
                </c:pt>
                <c:pt idx="468">
                  <c:v>0.21527975605193372</c:v>
                </c:pt>
                <c:pt idx="469">
                  <c:v>0.25548322820731095</c:v>
                </c:pt>
                <c:pt idx="470">
                  <c:v>0.14044221434811199</c:v>
                </c:pt>
                <c:pt idx="471">
                  <c:v>-7.1784817175164051E-2</c:v>
                </c:pt>
                <c:pt idx="472">
                  <c:v>-3.4139866220857296E-2</c:v>
                </c:pt>
                <c:pt idx="473">
                  <c:v>-4.1859547519201068E-2</c:v>
                </c:pt>
                <c:pt idx="474">
                  <c:v>-2.1637717509157661E-2</c:v>
                </c:pt>
                <c:pt idx="475">
                  <c:v>-7.3467973825345312E-2</c:v>
                </c:pt>
                <c:pt idx="476">
                  <c:v>3.2339328997528227E-2</c:v>
                </c:pt>
                <c:pt idx="477">
                  <c:v>6.5686901594416369E-2</c:v>
                </c:pt>
                <c:pt idx="478">
                  <c:v>0.18764217511882286</c:v>
                </c:pt>
                <c:pt idx="479">
                  <c:v>0.13961473713651706</c:v>
                </c:pt>
                <c:pt idx="480">
                  <c:v>0.14295456049574018</c:v>
                </c:pt>
                <c:pt idx="481">
                  <c:v>0.14348811007448359</c:v>
                </c:pt>
                <c:pt idx="482">
                  <c:v>0.20764021801314292</c:v>
                </c:pt>
                <c:pt idx="483">
                  <c:v>0.26768708103209204</c:v>
                </c:pt>
                <c:pt idx="484">
                  <c:v>0.18327876878148108</c:v>
                </c:pt>
                <c:pt idx="485">
                  <c:v>0.19683315020277992</c:v>
                </c:pt>
                <c:pt idx="486">
                  <c:v>0.19486734651994353</c:v>
                </c:pt>
                <c:pt idx="487">
                  <c:v>4.4454689262254155E-2</c:v>
                </c:pt>
                <c:pt idx="488">
                  <c:v>-3.53997097759019E-2</c:v>
                </c:pt>
                <c:pt idx="489">
                  <c:v>-9.1750352064712937E-2</c:v>
                </c:pt>
                <c:pt idx="490">
                  <c:v>-6.2954332384686174E-2</c:v>
                </c:pt>
                <c:pt idx="491">
                  <c:v>-8.7031197092672818E-2</c:v>
                </c:pt>
                <c:pt idx="492">
                  <c:v>-6.6196712367578403E-2</c:v>
                </c:pt>
                <c:pt idx="493">
                  <c:v>-9.4190846862291844E-2</c:v>
                </c:pt>
                <c:pt idx="494">
                  <c:v>-0.11845380950910722</c:v>
                </c:pt>
                <c:pt idx="495">
                  <c:v>-4.8876493482670091E-2</c:v>
                </c:pt>
                <c:pt idx="496">
                  <c:v>-4.5622575729782233E-2</c:v>
                </c:pt>
                <c:pt idx="497">
                  <c:v>-0.10393176573575791</c:v>
                </c:pt>
                <c:pt idx="498">
                  <c:v>-5.3460080020485745E-2</c:v>
                </c:pt>
                <c:pt idx="499">
                  <c:v>-8.3283444331639367E-2</c:v>
                </c:pt>
                <c:pt idx="500">
                  <c:v>-0.10466906280137045</c:v>
                </c:pt>
                <c:pt idx="501">
                  <c:v>-9.1119792811232503E-2</c:v>
                </c:pt>
                <c:pt idx="502">
                  <c:v>-9.8906208943187468E-2</c:v>
                </c:pt>
                <c:pt idx="503">
                  <c:v>-0.12495217477375065</c:v>
                </c:pt>
                <c:pt idx="504">
                  <c:v>-0.12539775412316145</c:v>
                </c:pt>
                <c:pt idx="505">
                  <c:v>-0.17321860558036606</c:v>
                </c:pt>
                <c:pt idx="506">
                  <c:v>-0.13585666489287307</c:v>
                </c:pt>
                <c:pt idx="507">
                  <c:v>-0.13389914948720405</c:v>
                </c:pt>
                <c:pt idx="508">
                  <c:v>-8.4655257723720068E-2</c:v>
                </c:pt>
                <c:pt idx="509">
                  <c:v>-8.3108008768473129E-2</c:v>
                </c:pt>
                <c:pt idx="510">
                  <c:v>-6.1192069145255878E-2</c:v>
                </c:pt>
                <c:pt idx="511">
                  <c:v>-0.11742805802302525</c:v>
                </c:pt>
                <c:pt idx="512">
                  <c:v>-8.9897493139414419E-2</c:v>
                </c:pt>
                <c:pt idx="513">
                  <c:v>-0.15063330167142241</c:v>
                </c:pt>
                <c:pt idx="514">
                  <c:v>-8.7945021603351714E-2</c:v>
                </c:pt>
                <c:pt idx="515">
                  <c:v>-0.1128341745231185</c:v>
                </c:pt>
                <c:pt idx="516">
                  <c:v>-7.2817391651789243E-2</c:v>
                </c:pt>
                <c:pt idx="517">
                  <c:v>-0.10809529303008159</c:v>
                </c:pt>
                <c:pt idx="518">
                  <c:v>-9.3217818815166664E-2</c:v>
                </c:pt>
                <c:pt idx="519">
                  <c:v>7.1079826156129622E-3</c:v>
                </c:pt>
                <c:pt idx="520">
                  <c:v>-3.6729604492479861E-2</c:v>
                </c:pt>
                <c:pt idx="521">
                  <c:v>-5.7559964330405333E-2</c:v>
                </c:pt>
                <c:pt idx="522">
                  <c:v>-0.10518914365729626</c:v>
                </c:pt>
                <c:pt idx="523">
                  <c:v>-2.0853032187995724E-2</c:v>
                </c:pt>
                <c:pt idx="524">
                  <c:v>-5.2715313407517672E-2</c:v>
                </c:pt>
                <c:pt idx="525">
                  <c:v>-2.7489528140658415E-2</c:v>
                </c:pt>
                <c:pt idx="526">
                  <c:v>0.13751969837035072</c:v>
                </c:pt>
                <c:pt idx="527">
                  <c:v>0.15639612865027785</c:v>
                </c:pt>
                <c:pt idx="528">
                  <c:v>-7.6947016848594174E-4</c:v>
                </c:pt>
                <c:pt idx="529">
                  <c:v>-4.3453674022766453E-3</c:v>
                </c:pt>
                <c:pt idx="530">
                  <c:v>-1.3650136485231501E-3</c:v>
                </c:pt>
                <c:pt idx="531">
                  <c:v>8.2562923599141635E-2</c:v>
                </c:pt>
                <c:pt idx="532">
                  <c:v>8.699761754711588E-2</c:v>
                </c:pt>
                <c:pt idx="533">
                  <c:v>0.11680146238074829</c:v>
                </c:pt>
                <c:pt idx="534">
                  <c:v>0.17148155950956379</c:v>
                </c:pt>
                <c:pt idx="535">
                  <c:v>0.12980007083066469</c:v>
                </c:pt>
                <c:pt idx="536">
                  <c:v>0.2296377349443961</c:v>
                </c:pt>
                <c:pt idx="537">
                  <c:v>0.2023335216097123</c:v>
                </c:pt>
                <c:pt idx="538">
                  <c:v>0.18386377774427709</c:v>
                </c:pt>
                <c:pt idx="539">
                  <c:v>0.16828596336057233</c:v>
                </c:pt>
                <c:pt idx="540">
                  <c:v>0.16411039921250992</c:v>
                </c:pt>
                <c:pt idx="541">
                  <c:v>8.8827432170560772E-2</c:v>
                </c:pt>
                <c:pt idx="542">
                  <c:v>6.0310749007008946E-2</c:v>
                </c:pt>
                <c:pt idx="543">
                  <c:v>-6.1925207179686081E-2</c:v>
                </c:pt>
                <c:pt idx="544">
                  <c:v>-0.12685283967388761</c:v>
                </c:pt>
                <c:pt idx="545">
                  <c:v>-6.9486770466883008E-2</c:v>
                </c:pt>
                <c:pt idx="546">
                  <c:v>-3.1138524797089673E-3</c:v>
                </c:pt>
                <c:pt idx="547">
                  <c:v>-6.6270845554646796E-3</c:v>
                </c:pt>
                <c:pt idx="548">
                  <c:v>8.880744048862188E-3</c:v>
                </c:pt>
                <c:pt idx="549">
                  <c:v>1.9886971698610201E-2</c:v>
                </c:pt>
                <c:pt idx="550">
                  <c:v>9.4784633015451147E-3</c:v>
                </c:pt>
                <c:pt idx="551">
                  <c:v>0.13734861725834258</c:v>
                </c:pt>
                <c:pt idx="552">
                  <c:v>7.2448842645144063E-2</c:v>
                </c:pt>
                <c:pt idx="553">
                  <c:v>6.9869434026686772E-2</c:v>
                </c:pt>
                <c:pt idx="554">
                  <c:v>8.0213008505132133E-2</c:v>
                </c:pt>
                <c:pt idx="555">
                  <c:v>-7.8114467435148494E-2</c:v>
                </c:pt>
                <c:pt idx="556">
                  <c:v>-4.9517504435996784E-2</c:v>
                </c:pt>
                <c:pt idx="557">
                  <c:v>-4.3013100040131258E-3</c:v>
                </c:pt>
                <c:pt idx="558">
                  <c:v>-4.5572315018461373E-2</c:v>
                </c:pt>
                <c:pt idx="559">
                  <c:v>-8.4071615247843456E-2</c:v>
                </c:pt>
                <c:pt idx="560">
                  <c:v>-0.17678204824112931</c:v>
                </c:pt>
                <c:pt idx="561">
                  <c:v>-0.19138075912308017</c:v>
                </c:pt>
                <c:pt idx="562">
                  <c:v>-0.11679792375351616</c:v>
                </c:pt>
                <c:pt idx="563">
                  <c:v>-6.3358144164007646E-2</c:v>
                </c:pt>
                <c:pt idx="564">
                  <c:v>3.1728053845828663E-3</c:v>
                </c:pt>
                <c:pt idx="565">
                  <c:v>7.3982748556598033E-2</c:v>
                </c:pt>
                <c:pt idx="566">
                  <c:v>9.1272688968040416E-3</c:v>
                </c:pt>
                <c:pt idx="567">
                  <c:v>-6.1547951450121707E-2</c:v>
                </c:pt>
                <c:pt idx="568">
                  <c:v>-2.150585333694166E-2</c:v>
                </c:pt>
                <c:pt idx="569">
                  <c:v>-9.9001327620870772E-2</c:v>
                </c:pt>
                <c:pt idx="570">
                  <c:v>-7.4319518206203972E-2</c:v>
                </c:pt>
                <c:pt idx="571">
                  <c:v>-3.0032178914618513E-3</c:v>
                </c:pt>
                <c:pt idx="572">
                  <c:v>6.8153680016131424E-2</c:v>
                </c:pt>
                <c:pt idx="573">
                  <c:v>2.872448652310422E-2</c:v>
                </c:pt>
                <c:pt idx="574">
                  <c:v>-5.584858947093374E-3</c:v>
                </c:pt>
                <c:pt idx="575">
                  <c:v>-5.9970445088983637E-2</c:v>
                </c:pt>
                <c:pt idx="576">
                  <c:v>-2.7721242478782604E-2</c:v>
                </c:pt>
                <c:pt idx="577">
                  <c:v>-3.6805652650065745E-2</c:v>
                </c:pt>
                <c:pt idx="578">
                  <c:v>-5.6625107835142741E-2</c:v>
                </c:pt>
                <c:pt idx="579">
                  <c:v>3.8954835827238021E-2</c:v>
                </c:pt>
                <c:pt idx="580">
                  <c:v>0.11437253513836576</c:v>
                </c:pt>
                <c:pt idx="581">
                  <c:v>0.14174003330857099</c:v>
                </c:pt>
                <c:pt idx="582">
                  <c:v>9.1066281154143613E-2</c:v>
                </c:pt>
                <c:pt idx="583">
                  <c:v>0.10997391688112834</c:v>
                </c:pt>
                <c:pt idx="584">
                  <c:v>-4.8330484972081145E-4</c:v>
                </c:pt>
                <c:pt idx="585">
                  <c:v>-5.3988774611384738E-2</c:v>
                </c:pt>
                <c:pt idx="586">
                  <c:v>-4.7508463537646484E-2</c:v>
                </c:pt>
                <c:pt idx="587">
                  <c:v>-5.1205415094922935E-2</c:v>
                </c:pt>
                <c:pt idx="588">
                  <c:v>-3.9645195047666171E-2</c:v>
                </c:pt>
                <c:pt idx="589">
                  <c:v>-4.0875376900849858E-2</c:v>
                </c:pt>
                <c:pt idx="590">
                  <c:v>-1.7540660613974968E-2</c:v>
                </c:pt>
                <c:pt idx="591">
                  <c:v>2.4505630674398149E-2</c:v>
                </c:pt>
                <c:pt idx="592">
                  <c:v>-3.4022952766850079E-3</c:v>
                </c:pt>
                <c:pt idx="593">
                  <c:v>2.5784387832381128E-2</c:v>
                </c:pt>
                <c:pt idx="594">
                  <c:v>7.4505996087962378E-3</c:v>
                </c:pt>
                <c:pt idx="595">
                  <c:v>2.1874687845591101E-4</c:v>
                </c:pt>
                <c:pt idx="596">
                  <c:v>4.6325501399363422E-2</c:v>
                </c:pt>
                <c:pt idx="597">
                  <c:v>1.0291040647718575E-2</c:v>
                </c:pt>
                <c:pt idx="598">
                  <c:v>-5.6739567279140757E-2</c:v>
                </c:pt>
                <c:pt idx="599">
                  <c:v>-2.4088857973625921E-2</c:v>
                </c:pt>
                <c:pt idx="600">
                  <c:v>8.8613313621819234E-3</c:v>
                </c:pt>
                <c:pt idx="601">
                  <c:v>-2.942944920987578E-2</c:v>
                </c:pt>
                <c:pt idx="602">
                  <c:v>3.0047954900845775E-2</c:v>
                </c:pt>
                <c:pt idx="603">
                  <c:v>-4.6652901786931267E-2</c:v>
                </c:pt>
                <c:pt idx="604">
                  <c:v>1.7248962512417476E-2</c:v>
                </c:pt>
                <c:pt idx="605">
                  <c:v>2.428457507959314E-2</c:v>
                </c:pt>
                <c:pt idx="606">
                  <c:v>1.288646353401357E-2</c:v>
                </c:pt>
                <c:pt idx="607">
                  <c:v>6.4038747641251059E-2</c:v>
                </c:pt>
                <c:pt idx="608">
                  <c:v>-1.6900862862757937E-2</c:v>
                </c:pt>
                <c:pt idx="609">
                  <c:v>-9.0066560481212754E-2</c:v>
                </c:pt>
                <c:pt idx="610">
                  <c:v>-6.9240744702684154E-2</c:v>
                </c:pt>
                <c:pt idx="611">
                  <c:v>1.654105181716925E-2</c:v>
                </c:pt>
                <c:pt idx="612">
                  <c:v>5.2773343697611441E-2</c:v>
                </c:pt>
                <c:pt idx="613">
                  <c:v>5.5971955416634467E-2</c:v>
                </c:pt>
                <c:pt idx="614">
                  <c:v>4.8433476387055308E-2</c:v>
                </c:pt>
                <c:pt idx="615">
                  <c:v>3.7962873109592676E-2</c:v>
                </c:pt>
                <c:pt idx="616">
                  <c:v>4.5117227651563563E-2</c:v>
                </c:pt>
                <c:pt idx="617">
                  <c:v>-6.0558327234006004E-4</c:v>
                </c:pt>
                <c:pt idx="618">
                  <c:v>2.7945057200299828E-2</c:v>
                </c:pt>
                <c:pt idx="619">
                  <c:v>6.0792492676292054E-2</c:v>
                </c:pt>
                <c:pt idx="620">
                  <c:v>5.100630756126423E-2</c:v>
                </c:pt>
                <c:pt idx="621">
                  <c:v>0.16934666523794972</c:v>
                </c:pt>
                <c:pt idx="622">
                  <c:v>8.8216042963335295E-2</c:v>
                </c:pt>
                <c:pt idx="623">
                  <c:v>0.20215980269120415</c:v>
                </c:pt>
                <c:pt idx="624">
                  <c:v>7.4636417494081453E-2</c:v>
                </c:pt>
                <c:pt idx="625">
                  <c:v>-3.1158806339888989E-2</c:v>
                </c:pt>
                <c:pt idx="626">
                  <c:v>-6.8573762506606628E-2</c:v>
                </c:pt>
                <c:pt idx="627">
                  <c:v>-2.8299506909621353E-2</c:v>
                </c:pt>
                <c:pt idx="628">
                  <c:v>-2.1891958903686337E-2</c:v>
                </c:pt>
                <c:pt idx="629">
                  <c:v>1.2232623150002619E-2</c:v>
                </c:pt>
                <c:pt idx="630">
                  <c:v>-5.9851031857452774E-2</c:v>
                </c:pt>
                <c:pt idx="631">
                  <c:v>-9.2071145949303101E-2</c:v>
                </c:pt>
                <c:pt idx="632">
                  <c:v>-7.2861292859360716E-2</c:v>
                </c:pt>
                <c:pt idx="633">
                  <c:v>6.2498145144736617E-2</c:v>
                </c:pt>
                <c:pt idx="634">
                  <c:v>1.2258573325173105E-2</c:v>
                </c:pt>
                <c:pt idx="635">
                  <c:v>-2.6081945627478342E-2</c:v>
                </c:pt>
                <c:pt idx="636">
                  <c:v>-2.3609130980423609E-2</c:v>
                </c:pt>
                <c:pt idx="637">
                  <c:v>-1.0233170907121281E-3</c:v>
                </c:pt>
                <c:pt idx="638">
                  <c:v>-7.7612730630995941E-3</c:v>
                </c:pt>
                <c:pt idx="639">
                  <c:v>0.13047049358074592</c:v>
                </c:pt>
                <c:pt idx="640">
                  <c:v>6.952139394742729E-2</c:v>
                </c:pt>
                <c:pt idx="641">
                  <c:v>-3.916901031403397E-2</c:v>
                </c:pt>
                <c:pt idx="642">
                  <c:v>6.7703621263003444E-2</c:v>
                </c:pt>
                <c:pt idx="643">
                  <c:v>0.1234715298878134</c:v>
                </c:pt>
                <c:pt idx="644">
                  <c:v>5.8934379205567322E-2</c:v>
                </c:pt>
                <c:pt idx="645">
                  <c:v>0.29241352320793712</c:v>
                </c:pt>
                <c:pt idx="646">
                  <c:v>0.20739901309277897</c:v>
                </c:pt>
                <c:pt idx="647">
                  <c:v>-4.167624720990748E-2</c:v>
                </c:pt>
                <c:pt idx="648">
                  <c:v>-0.14293355539048591</c:v>
                </c:pt>
                <c:pt idx="649">
                  <c:v>-0.17299049452515258</c:v>
                </c:pt>
                <c:pt idx="650">
                  <c:v>-0.15065132898299893</c:v>
                </c:pt>
                <c:pt idx="651">
                  <c:v>-9.3449429576517584E-2</c:v>
                </c:pt>
                <c:pt idx="652">
                  <c:v>-7.9200334056824251E-2</c:v>
                </c:pt>
                <c:pt idx="653">
                  <c:v>-7.7236816298983157E-2</c:v>
                </c:pt>
                <c:pt idx="654">
                  <c:v>-4.8767867337196735E-2</c:v>
                </c:pt>
                <c:pt idx="655">
                  <c:v>-0.15708511771320033</c:v>
                </c:pt>
                <c:pt idx="656">
                  <c:v>-0.14575558830931645</c:v>
                </c:pt>
                <c:pt idx="657">
                  <c:v>-0.18407540413169532</c:v>
                </c:pt>
                <c:pt idx="658">
                  <c:v>-0.22293009471646641</c:v>
                </c:pt>
                <c:pt idx="659">
                  <c:v>-0.26211687083187585</c:v>
                </c:pt>
                <c:pt idx="660">
                  <c:v>-0.16542546888990184</c:v>
                </c:pt>
                <c:pt idx="661">
                  <c:v>-0.16815019349055449</c:v>
                </c:pt>
                <c:pt idx="662">
                  <c:v>-0.11634127352209578</c:v>
                </c:pt>
                <c:pt idx="663">
                  <c:v>-8.5806540273285381E-2</c:v>
                </c:pt>
                <c:pt idx="664">
                  <c:v>1.8068264961757285E-2</c:v>
                </c:pt>
                <c:pt idx="665">
                  <c:v>6.241740412994623E-2</c:v>
                </c:pt>
                <c:pt idx="666">
                  <c:v>-0.10750314478626266</c:v>
                </c:pt>
                <c:pt idx="667">
                  <c:v>-4.534831060118405E-2</c:v>
                </c:pt>
                <c:pt idx="668">
                  <c:v>-3.7054255091114485E-2</c:v>
                </c:pt>
                <c:pt idx="669">
                  <c:v>-4.2219953578229719E-3</c:v>
                </c:pt>
                <c:pt idx="670">
                  <c:v>-1.0900908811879439E-2</c:v>
                </c:pt>
                <c:pt idx="671">
                  <c:v>0.11557777669931146</c:v>
                </c:pt>
                <c:pt idx="672">
                  <c:v>5.5244474055790027E-2</c:v>
                </c:pt>
                <c:pt idx="673">
                  <c:v>3.7515424538306807E-2</c:v>
                </c:pt>
                <c:pt idx="674">
                  <c:v>0.12629949650965155</c:v>
                </c:pt>
                <c:pt idx="675">
                  <c:v>-1.0596633182530235E-2</c:v>
                </c:pt>
                <c:pt idx="676">
                  <c:v>-4.5755135112551804E-3</c:v>
                </c:pt>
                <c:pt idx="677">
                  <c:v>4.426191004396518E-2</c:v>
                </c:pt>
                <c:pt idx="678">
                  <c:v>-2.236946019972641E-2</c:v>
                </c:pt>
                <c:pt idx="679">
                  <c:v>2.0878383599783445E-2</c:v>
                </c:pt>
                <c:pt idx="680">
                  <c:v>0.17098796942502514</c:v>
                </c:pt>
                <c:pt idx="681">
                  <c:v>6.5441741043472001E-2</c:v>
                </c:pt>
                <c:pt idx="682">
                  <c:v>1.4967531673216294E-2</c:v>
                </c:pt>
                <c:pt idx="683">
                  <c:v>1.7627750743183679E-2</c:v>
                </c:pt>
                <c:pt idx="684">
                  <c:v>-2.7647528794149889E-2</c:v>
                </c:pt>
                <c:pt idx="685">
                  <c:v>4.1414633894194752E-2</c:v>
                </c:pt>
                <c:pt idx="686">
                  <c:v>-3.4034059332484934E-2</c:v>
                </c:pt>
                <c:pt idx="687">
                  <c:v>-1.7357314052863559E-2</c:v>
                </c:pt>
                <c:pt idx="688">
                  <c:v>0.13766801323038969</c:v>
                </c:pt>
                <c:pt idx="689">
                  <c:v>-6.9374152596283212E-3</c:v>
                </c:pt>
                <c:pt idx="690">
                  <c:v>0.30550444447269609</c:v>
                </c:pt>
                <c:pt idx="691">
                  <c:v>2.8495699261315788E-2</c:v>
                </c:pt>
                <c:pt idx="692">
                  <c:v>0.16705221134140791</c:v>
                </c:pt>
                <c:pt idx="693">
                  <c:v>9.9840061624908549E-2</c:v>
                </c:pt>
                <c:pt idx="694">
                  <c:v>0.13436425718743028</c:v>
                </c:pt>
                <c:pt idx="695">
                  <c:v>5.2008864894886875E-2</c:v>
                </c:pt>
                <c:pt idx="696">
                  <c:v>9.7787272987896356E-2</c:v>
                </c:pt>
                <c:pt idx="697">
                  <c:v>4.8282477751823039E-2</c:v>
                </c:pt>
                <c:pt idx="698">
                  <c:v>2.6447875827566802E-2</c:v>
                </c:pt>
                <c:pt idx="699">
                  <c:v>2.6582958997383721E-2</c:v>
                </c:pt>
                <c:pt idx="700">
                  <c:v>7.2977615694622133E-2</c:v>
                </c:pt>
                <c:pt idx="701">
                  <c:v>0.14710117528120703</c:v>
                </c:pt>
                <c:pt idx="702">
                  <c:v>0</c:v>
                </c:pt>
                <c:pt idx="703">
                  <c:v>0</c:v>
                </c:pt>
                <c:pt idx="704">
                  <c:v>0</c:v>
                </c:pt>
                <c:pt idx="705">
                  <c:v>0</c:v>
                </c:pt>
                <c:pt idx="706">
                  <c:v>0</c:v>
                </c:pt>
                <c:pt idx="707">
                  <c:v>0</c:v>
                </c:pt>
                <c:pt idx="708">
                  <c:v>0</c:v>
                </c:pt>
                <c:pt idx="709">
                  <c:v>0</c:v>
                </c:pt>
                <c:pt idx="710">
                  <c:v>0</c:v>
                </c:pt>
                <c:pt idx="711">
                  <c:v>0</c:v>
                </c:pt>
                <c:pt idx="712">
                  <c:v>0</c:v>
                </c:pt>
                <c:pt idx="713">
                  <c:v>0</c:v>
                </c:pt>
                <c:pt idx="714">
                  <c:v>0</c:v>
                </c:pt>
                <c:pt idx="715">
                  <c:v>0</c:v>
                </c:pt>
                <c:pt idx="716">
                  <c:v>0</c:v>
                </c:pt>
                <c:pt idx="717">
                  <c:v>0</c:v>
                </c:pt>
                <c:pt idx="718">
                  <c:v>0</c:v>
                </c:pt>
                <c:pt idx="719">
                  <c:v>0</c:v>
                </c:pt>
                <c:pt idx="720">
                  <c:v>0</c:v>
                </c:pt>
                <c:pt idx="721">
                  <c:v>0</c:v>
                </c:pt>
                <c:pt idx="722">
                  <c:v>0</c:v>
                </c:pt>
                <c:pt idx="723">
                  <c:v>0</c:v>
                </c:pt>
                <c:pt idx="724">
                  <c:v>0</c:v>
                </c:pt>
                <c:pt idx="725">
                  <c:v>0</c:v>
                </c:pt>
                <c:pt idx="726">
                  <c:v>0</c:v>
                </c:pt>
                <c:pt idx="727">
                  <c:v>0</c:v>
                </c:pt>
                <c:pt idx="728">
                  <c:v>0</c:v>
                </c:pt>
                <c:pt idx="729">
                  <c:v>0</c:v>
                </c:pt>
                <c:pt idx="730">
                  <c:v>0</c:v>
                </c:pt>
                <c:pt idx="731">
                  <c:v>0</c:v>
                </c:pt>
                <c:pt idx="732">
                  <c:v>0</c:v>
                </c:pt>
                <c:pt idx="733">
                  <c:v>0</c:v>
                </c:pt>
                <c:pt idx="734">
                  <c:v>0</c:v>
                </c:pt>
                <c:pt idx="735">
                  <c:v>0</c:v>
                </c:pt>
                <c:pt idx="736">
                  <c:v>0</c:v>
                </c:pt>
                <c:pt idx="737">
                  <c:v>0</c:v>
                </c:pt>
                <c:pt idx="738">
                  <c:v>0</c:v>
                </c:pt>
                <c:pt idx="739">
                  <c:v>0</c:v>
                </c:pt>
                <c:pt idx="740">
                  <c:v>0</c:v>
                </c:pt>
                <c:pt idx="741">
                  <c:v>0</c:v>
                </c:pt>
                <c:pt idx="742">
                  <c:v>0</c:v>
                </c:pt>
                <c:pt idx="743">
                  <c:v>0</c:v>
                </c:pt>
                <c:pt idx="744">
                  <c:v>0</c:v>
                </c:pt>
                <c:pt idx="745">
                  <c:v>0</c:v>
                </c:pt>
                <c:pt idx="746">
                  <c:v>0</c:v>
                </c:pt>
                <c:pt idx="747">
                  <c:v>0</c:v>
                </c:pt>
                <c:pt idx="748">
                  <c:v>0</c:v>
                </c:pt>
                <c:pt idx="749">
                  <c:v>0</c:v>
                </c:pt>
                <c:pt idx="750">
                  <c:v>0</c:v>
                </c:pt>
                <c:pt idx="751">
                  <c:v>0</c:v>
                </c:pt>
                <c:pt idx="752">
                  <c:v>0</c:v>
                </c:pt>
                <c:pt idx="753">
                  <c:v>0</c:v>
                </c:pt>
                <c:pt idx="754">
                  <c:v>0</c:v>
                </c:pt>
                <c:pt idx="755">
                  <c:v>0</c:v>
                </c:pt>
                <c:pt idx="756">
                  <c:v>0</c:v>
                </c:pt>
                <c:pt idx="757">
                  <c:v>0</c:v>
                </c:pt>
                <c:pt idx="758">
                  <c:v>0</c:v>
                </c:pt>
                <c:pt idx="759">
                  <c:v>0</c:v>
                </c:pt>
                <c:pt idx="760">
                  <c:v>0</c:v>
                </c:pt>
                <c:pt idx="761">
                  <c:v>0</c:v>
                </c:pt>
                <c:pt idx="762">
                  <c:v>0</c:v>
                </c:pt>
                <c:pt idx="763">
                  <c:v>0</c:v>
                </c:pt>
                <c:pt idx="764">
                  <c:v>0</c:v>
                </c:pt>
                <c:pt idx="765">
                  <c:v>0</c:v>
                </c:pt>
                <c:pt idx="766">
                  <c:v>0</c:v>
                </c:pt>
                <c:pt idx="767">
                  <c:v>0</c:v>
                </c:pt>
                <c:pt idx="768">
                  <c:v>0</c:v>
                </c:pt>
                <c:pt idx="769">
                  <c:v>0</c:v>
                </c:pt>
                <c:pt idx="770">
                  <c:v>0</c:v>
                </c:pt>
                <c:pt idx="771">
                  <c:v>0</c:v>
                </c:pt>
                <c:pt idx="772">
                  <c:v>0</c:v>
                </c:pt>
                <c:pt idx="773">
                  <c:v>0</c:v>
                </c:pt>
                <c:pt idx="774">
                  <c:v>0</c:v>
                </c:pt>
                <c:pt idx="775">
                  <c:v>0</c:v>
                </c:pt>
                <c:pt idx="776">
                  <c:v>0</c:v>
                </c:pt>
                <c:pt idx="777">
                  <c:v>0</c:v>
                </c:pt>
                <c:pt idx="778">
                  <c:v>0</c:v>
                </c:pt>
                <c:pt idx="779">
                  <c:v>0</c:v>
                </c:pt>
                <c:pt idx="780">
                  <c:v>0</c:v>
                </c:pt>
                <c:pt idx="781">
                  <c:v>0</c:v>
                </c:pt>
                <c:pt idx="782">
                  <c:v>0</c:v>
                </c:pt>
                <c:pt idx="783">
                  <c:v>0</c:v>
                </c:pt>
                <c:pt idx="784">
                  <c:v>0</c:v>
                </c:pt>
                <c:pt idx="785">
                  <c:v>0</c:v>
                </c:pt>
                <c:pt idx="786">
                  <c:v>0</c:v>
                </c:pt>
                <c:pt idx="787">
                  <c:v>0</c:v>
                </c:pt>
                <c:pt idx="788">
                  <c:v>0</c:v>
                </c:pt>
                <c:pt idx="789">
                  <c:v>0</c:v>
                </c:pt>
                <c:pt idx="790">
                  <c:v>0</c:v>
                </c:pt>
                <c:pt idx="791">
                  <c:v>0</c:v>
                </c:pt>
                <c:pt idx="792">
                  <c:v>0</c:v>
                </c:pt>
                <c:pt idx="793">
                  <c:v>0</c:v>
                </c:pt>
                <c:pt idx="794">
                  <c:v>0</c:v>
                </c:pt>
                <c:pt idx="795">
                  <c:v>0</c:v>
                </c:pt>
                <c:pt idx="796">
                  <c:v>0</c:v>
                </c:pt>
                <c:pt idx="797">
                  <c:v>0</c:v>
                </c:pt>
                <c:pt idx="798">
                  <c:v>0</c:v>
                </c:pt>
                <c:pt idx="799">
                  <c:v>0</c:v>
                </c:pt>
                <c:pt idx="800">
                  <c:v>0</c:v>
                </c:pt>
                <c:pt idx="801">
                  <c:v>0</c:v>
                </c:pt>
                <c:pt idx="802">
                  <c:v>0</c:v>
                </c:pt>
                <c:pt idx="803">
                  <c:v>0</c:v>
                </c:pt>
                <c:pt idx="804">
                  <c:v>0</c:v>
                </c:pt>
                <c:pt idx="805">
                  <c:v>0</c:v>
                </c:pt>
                <c:pt idx="806">
                  <c:v>0</c:v>
                </c:pt>
                <c:pt idx="807">
                  <c:v>0</c:v>
                </c:pt>
                <c:pt idx="808">
                  <c:v>0</c:v>
                </c:pt>
                <c:pt idx="809">
                  <c:v>0</c:v>
                </c:pt>
                <c:pt idx="810">
                  <c:v>0</c:v>
                </c:pt>
                <c:pt idx="811">
                  <c:v>0</c:v>
                </c:pt>
                <c:pt idx="812">
                  <c:v>0</c:v>
                </c:pt>
                <c:pt idx="813">
                  <c:v>0</c:v>
                </c:pt>
                <c:pt idx="814">
                  <c:v>0</c:v>
                </c:pt>
                <c:pt idx="815">
                  <c:v>0</c:v>
                </c:pt>
                <c:pt idx="816">
                  <c:v>0</c:v>
                </c:pt>
                <c:pt idx="817">
                  <c:v>0</c:v>
                </c:pt>
                <c:pt idx="818">
                  <c:v>0</c:v>
                </c:pt>
                <c:pt idx="819">
                  <c:v>0</c:v>
                </c:pt>
                <c:pt idx="820">
                  <c:v>0</c:v>
                </c:pt>
                <c:pt idx="821">
                  <c:v>0</c:v>
                </c:pt>
                <c:pt idx="822">
                  <c:v>0</c:v>
                </c:pt>
                <c:pt idx="823">
                  <c:v>0</c:v>
                </c:pt>
                <c:pt idx="824">
                  <c:v>0</c:v>
                </c:pt>
                <c:pt idx="825">
                  <c:v>0</c:v>
                </c:pt>
                <c:pt idx="826">
                  <c:v>0</c:v>
                </c:pt>
                <c:pt idx="827">
                  <c:v>0</c:v>
                </c:pt>
                <c:pt idx="828">
                  <c:v>0</c:v>
                </c:pt>
                <c:pt idx="829">
                  <c:v>0</c:v>
                </c:pt>
                <c:pt idx="830">
                  <c:v>0</c:v>
                </c:pt>
                <c:pt idx="831">
                  <c:v>0</c:v>
                </c:pt>
                <c:pt idx="832">
                  <c:v>0</c:v>
                </c:pt>
                <c:pt idx="833">
                  <c:v>0</c:v>
                </c:pt>
                <c:pt idx="834">
                  <c:v>0</c:v>
                </c:pt>
                <c:pt idx="835">
                  <c:v>0</c:v>
                </c:pt>
                <c:pt idx="836">
                  <c:v>0</c:v>
                </c:pt>
                <c:pt idx="837">
                  <c:v>0</c:v>
                </c:pt>
                <c:pt idx="838">
                  <c:v>0</c:v>
                </c:pt>
                <c:pt idx="839">
                  <c:v>0</c:v>
                </c:pt>
                <c:pt idx="840">
                  <c:v>0</c:v>
                </c:pt>
                <c:pt idx="841">
                  <c:v>0</c:v>
                </c:pt>
                <c:pt idx="842">
                  <c:v>0</c:v>
                </c:pt>
                <c:pt idx="843">
                  <c:v>0</c:v>
                </c:pt>
                <c:pt idx="844">
                  <c:v>0</c:v>
                </c:pt>
                <c:pt idx="845">
                  <c:v>0</c:v>
                </c:pt>
                <c:pt idx="846">
                  <c:v>0</c:v>
                </c:pt>
                <c:pt idx="847">
                  <c:v>0</c:v>
                </c:pt>
                <c:pt idx="848">
                  <c:v>0</c:v>
                </c:pt>
                <c:pt idx="849">
                  <c:v>0</c:v>
                </c:pt>
                <c:pt idx="850">
                  <c:v>0</c:v>
                </c:pt>
                <c:pt idx="851">
                  <c:v>0</c:v>
                </c:pt>
                <c:pt idx="852">
                  <c:v>0</c:v>
                </c:pt>
                <c:pt idx="853">
                  <c:v>0</c:v>
                </c:pt>
                <c:pt idx="854">
                  <c:v>0</c:v>
                </c:pt>
                <c:pt idx="855">
                  <c:v>0</c:v>
                </c:pt>
                <c:pt idx="856">
                  <c:v>0</c:v>
                </c:pt>
                <c:pt idx="857">
                  <c:v>0</c:v>
                </c:pt>
                <c:pt idx="858">
                  <c:v>0</c:v>
                </c:pt>
                <c:pt idx="859">
                  <c:v>0</c:v>
                </c:pt>
                <c:pt idx="860">
                  <c:v>0</c:v>
                </c:pt>
                <c:pt idx="861">
                  <c:v>0</c:v>
                </c:pt>
                <c:pt idx="862">
                  <c:v>0</c:v>
                </c:pt>
                <c:pt idx="863">
                  <c:v>0</c:v>
                </c:pt>
                <c:pt idx="864">
                  <c:v>0</c:v>
                </c:pt>
                <c:pt idx="865">
                  <c:v>0</c:v>
                </c:pt>
                <c:pt idx="866">
                  <c:v>0</c:v>
                </c:pt>
                <c:pt idx="867">
                  <c:v>0</c:v>
                </c:pt>
                <c:pt idx="868">
                  <c:v>0</c:v>
                </c:pt>
                <c:pt idx="869">
                  <c:v>0</c:v>
                </c:pt>
                <c:pt idx="870">
                  <c:v>0</c:v>
                </c:pt>
                <c:pt idx="871">
                  <c:v>0</c:v>
                </c:pt>
                <c:pt idx="872">
                  <c:v>0</c:v>
                </c:pt>
                <c:pt idx="873">
                  <c:v>0</c:v>
                </c:pt>
                <c:pt idx="874">
                  <c:v>0</c:v>
                </c:pt>
                <c:pt idx="875">
                  <c:v>0</c:v>
                </c:pt>
                <c:pt idx="876">
                  <c:v>0</c:v>
                </c:pt>
                <c:pt idx="877">
                  <c:v>0</c:v>
                </c:pt>
                <c:pt idx="878">
                  <c:v>0</c:v>
                </c:pt>
                <c:pt idx="879">
                  <c:v>0</c:v>
                </c:pt>
                <c:pt idx="880">
                  <c:v>0</c:v>
                </c:pt>
                <c:pt idx="881">
                  <c:v>0</c:v>
                </c:pt>
                <c:pt idx="882">
                  <c:v>0</c:v>
                </c:pt>
                <c:pt idx="883">
                  <c:v>0</c:v>
                </c:pt>
                <c:pt idx="884">
                  <c:v>0</c:v>
                </c:pt>
                <c:pt idx="885">
                  <c:v>0</c:v>
                </c:pt>
                <c:pt idx="886">
                  <c:v>0</c:v>
                </c:pt>
                <c:pt idx="887">
                  <c:v>0</c:v>
                </c:pt>
                <c:pt idx="888">
                  <c:v>0</c:v>
                </c:pt>
                <c:pt idx="889">
                  <c:v>0</c:v>
                </c:pt>
                <c:pt idx="890">
                  <c:v>0</c:v>
                </c:pt>
                <c:pt idx="891">
                  <c:v>0</c:v>
                </c:pt>
                <c:pt idx="892">
                  <c:v>0</c:v>
                </c:pt>
                <c:pt idx="893">
                  <c:v>0</c:v>
                </c:pt>
                <c:pt idx="894">
                  <c:v>0</c:v>
                </c:pt>
                <c:pt idx="895">
                  <c:v>0</c:v>
                </c:pt>
                <c:pt idx="896">
                  <c:v>0</c:v>
                </c:pt>
                <c:pt idx="897">
                  <c:v>0</c:v>
                </c:pt>
                <c:pt idx="898">
                  <c:v>0</c:v>
                </c:pt>
                <c:pt idx="899">
                  <c:v>0</c:v>
                </c:pt>
                <c:pt idx="900">
                  <c:v>0</c:v>
                </c:pt>
                <c:pt idx="901">
                  <c:v>0</c:v>
                </c:pt>
                <c:pt idx="902">
                  <c:v>0</c:v>
                </c:pt>
                <c:pt idx="903">
                  <c:v>0</c:v>
                </c:pt>
                <c:pt idx="904">
                  <c:v>0</c:v>
                </c:pt>
                <c:pt idx="905">
                  <c:v>0</c:v>
                </c:pt>
                <c:pt idx="906">
                  <c:v>0</c:v>
                </c:pt>
                <c:pt idx="907">
                  <c:v>0</c:v>
                </c:pt>
                <c:pt idx="908">
                  <c:v>0</c:v>
                </c:pt>
                <c:pt idx="909">
                  <c:v>0</c:v>
                </c:pt>
                <c:pt idx="910">
                  <c:v>0</c:v>
                </c:pt>
                <c:pt idx="911">
                  <c:v>0</c:v>
                </c:pt>
                <c:pt idx="912">
                  <c:v>0</c:v>
                </c:pt>
                <c:pt idx="913">
                  <c:v>0</c:v>
                </c:pt>
                <c:pt idx="914">
                  <c:v>0</c:v>
                </c:pt>
                <c:pt idx="915">
                  <c:v>0</c:v>
                </c:pt>
                <c:pt idx="916">
                  <c:v>0</c:v>
                </c:pt>
                <c:pt idx="917">
                  <c:v>0</c:v>
                </c:pt>
                <c:pt idx="918">
                  <c:v>0</c:v>
                </c:pt>
                <c:pt idx="919">
                  <c:v>0</c:v>
                </c:pt>
                <c:pt idx="920">
                  <c:v>0</c:v>
                </c:pt>
                <c:pt idx="921">
                  <c:v>0</c:v>
                </c:pt>
                <c:pt idx="922">
                  <c:v>0</c:v>
                </c:pt>
                <c:pt idx="923">
                  <c:v>0</c:v>
                </c:pt>
                <c:pt idx="924">
                  <c:v>0</c:v>
                </c:pt>
                <c:pt idx="925">
                  <c:v>0</c:v>
                </c:pt>
                <c:pt idx="926">
                  <c:v>0</c:v>
                </c:pt>
                <c:pt idx="927">
                  <c:v>0</c:v>
                </c:pt>
                <c:pt idx="928">
                  <c:v>0</c:v>
                </c:pt>
                <c:pt idx="929">
                  <c:v>0</c:v>
                </c:pt>
                <c:pt idx="930">
                  <c:v>0</c:v>
                </c:pt>
                <c:pt idx="931">
                  <c:v>0</c:v>
                </c:pt>
                <c:pt idx="932">
                  <c:v>0</c:v>
                </c:pt>
                <c:pt idx="933">
                  <c:v>0</c:v>
                </c:pt>
                <c:pt idx="934">
                  <c:v>0</c:v>
                </c:pt>
                <c:pt idx="935">
                  <c:v>0</c:v>
                </c:pt>
                <c:pt idx="936">
                  <c:v>0</c:v>
                </c:pt>
                <c:pt idx="937">
                  <c:v>0</c:v>
                </c:pt>
                <c:pt idx="938">
                  <c:v>0</c:v>
                </c:pt>
                <c:pt idx="939">
                  <c:v>0</c:v>
                </c:pt>
                <c:pt idx="940">
                  <c:v>0</c:v>
                </c:pt>
                <c:pt idx="941">
                  <c:v>0</c:v>
                </c:pt>
                <c:pt idx="942">
                  <c:v>0</c:v>
                </c:pt>
                <c:pt idx="943">
                  <c:v>0</c:v>
                </c:pt>
                <c:pt idx="944">
                  <c:v>0</c:v>
                </c:pt>
                <c:pt idx="945">
                  <c:v>0</c:v>
                </c:pt>
                <c:pt idx="946">
                  <c:v>0</c:v>
                </c:pt>
                <c:pt idx="947">
                  <c:v>0</c:v>
                </c:pt>
                <c:pt idx="948">
                  <c:v>0</c:v>
                </c:pt>
                <c:pt idx="949">
                  <c:v>0</c:v>
                </c:pt>
                <c:pt idx="950">
                  <c:v>0</c:v>
                </c:pt>
                <c:pt idx="951">
                  <c:v>0</c:v>
                </c:pt>
                <c:pt idx="952">
                  <c:v>0</c:v>
                </c:pt>
                <c:pt idx="953">
                  <c:v>0</c:v>
                </c:pt>
                <c:pt idx="954">
                  <c:v>0</c:v>
                </c:pt>
                <c:pt idx="955">
                  <c:v>0</c:v>
                </c:pt>
                <c:pt idx="956">
                  <c:v>0</c:v>
                </c:pt>
                <c:pt idx="957">
                  <c:v>0</c:v>
                </c:pt>
                <c:pt idx="958">
                  <c:v>0</c:v>
                </c:pt>
                <c:pt idx="959">
                  <c:v>0</c:v>
                </c:pt>
                <c:pt idx="960">
                  <c:v>0</c:v>
                </c:pt>
                <c:pt idx="961">
                  <c:v>0</c:v>
                </c:pt>
                <c:pt idx="962">
                  <c:v>0</c:v>
                </c:pt>
                <c:pt idx="963">
                  <c:v>0</c:v>
                </c:pt>
                <c:pt idx="964">
                  <c:v>0</c:v>
                </c:pt>
                <c:pt idx="965">
                  <c:v>0</c:v>
                </c:pt>
                <c:pt idx="966">
                  <c:v>0</c:v>
                </c:pt>
                <c:pt idx="967">
                  <c:v>0</c:v>
                </c:pt>
                <c:pt idx="968">
                  <c:v>0</c:v>
                </c:pt>
                <c:pt idx="969">
                  <c:v>0</c:v>
                </c:pt>
                <c:pt idx="970">
                  <c:v>0</c:v>
                </c:pt>
                <c:pt idx="971">
                  <c:v>0</c:v>
                </c:pt>
                <c:pt idx="972">
                  <c:v>0</c:v>
                </c:pt>
                <c:pt idx="973">
                  <c:v>0</c:v>
                </c:pt>
                <c:pt idx="974">
                  <c:v>0</c:v>
                </c:pt>
                <c:pt idx="975">
                  <c:v>0</c:v>
                </c:pt>
                <c:pt idx="976">
                  <c:v>0</c:v>
                </c:pt>
                <c:pt idx="977">
                  <c:v>0</c:v>
                </c:pt>
                <c:pt idx="978">
                  <c:v>0</c:v>
                </c:pt>
                <c:pt idx="979">
                  <c:v>0</c:v>
                </c:pt>
                <c:pt idx="980">
                  <c:v>0</c:v>
                </c:pt>
                <c:pt idx="981">
                  <c:v>0</c:v>
                </c:pt>
                <c:pt idx="982">
                  <c:v>0</c:v>
                </c:pt>
                <c:pt idx="983">
                  <c:v>0</c:v>
                </c:pt>
                <c:pt idx="984">
                  <c:v>0</c:v>
                </c:pt>
                <c:pt idx="985">
                  <c:v>0</c:v>
                </c:pt>
                <c:pt idx="986">
                  <c:v>0</c:v>
                </c:pt>
                <c:pt idx="987">
                  <c:v>0</c:v>
                </c:pt>
                <c:pt idx="988">
                  <c:v>0</c:v>
                </c:pt>
                <c:pt idx="989">
                  <c:v>0</c:v>
                </c:pt>
                <c:pt idx="990">
                  <c:v>0</c:v>
                </c:pt>
                <c:pt idx="991">
                  <c:v>0</c:v>
                </c:pt>
                <c:pt idx="992">
                  <c:v>0</c:v>
                </c:pt>
                <c:pt idx="993">
                  <c:v>0</c:v>
                </c:pt>
                <c:pt idx="994">
                  <c:v>0</c:v>
                </c:pt>
                <c:pt idx="995">
                  <c:v>0</c:v>
                </c:pt>
                <c:pt idx="996">
                  <c:v>0</c:v>
                </c:pt>
                <c:pt idx="997">
                  <c:v>0</c:v>
                </c:pt>
                <c:pt idx="998">
                  <c:v>0</c:v>
                </c:pt>
                <c:pt idx="999">
                  <c:v>0</c:v>
                </c:pt>
                <c:pt idx="1000">
                  <c:v>0</c:v>
                </c:pt>
                <c:pt idx="1001">
                  <c:v>0</c:v>
                </c:pt>
                <c:pt idx="1002">
                  <c:v>0</c:v>
                </c:pt>
                <c:pt idx="1003">
                  <c:v>0</c:v>
                </c:pt>
                <c:pt idx="1004">
                  <c:v>0</c:v>
                </c:pt>
                <c:pt idx="1005">
                  <c:v>0</c:v>
                </c:pt>
                <c:pt idx="1006">
                  <c:v>0</c:v>
                </c:pt>
                <c:pt idx="1007">
                  <c:v>0</c:v>
                </c:pt>
                <c:pt idx="1008">
                  <c:v>0</c:v>
                </c:pt>
                <c:pt idx="1009">
                  <c:v>0</c:v>
                </c:pt>
                <c:pt idx="1010">
                  <c:v>0</c:v>
                </c:pt>
                <c:pt idx="1011">
                  <c:v>0</c:v>
                </c:pt>
                <c:pt idx="1012">
                  <c:v>0</c:v>
                </c:pt>
                <c:pt idx="1013">
                  <c:v>0</c:v>
                </c:pt>
                <c:pt idx="1014">
                  <c:v>0</c:v>
                </c:pt>
                <c:pt idx="1015">
                  <c:v>0</c:v>
                </c:pt>
                <c:pt idx="1016">
                  <c:v>0</c:v>
                </c:pt>
                <c:pt idx="1017">
                  <c:v>0</c:v>
                </c:pt>
                <c:pt idx="1018">
                  <c:v>0</c:v>
                </c:pt>
                <c:pt idx="1019">
                  <c:v>0</c:v>
                </c:pt>
                <c:pt idx="1020">
                  <c:v>0</c:v>
                </c:pt>
                <c:pt idx="1021">
                  <c:v>0</c:v>
                </c:pt>
                <c:pt idx="1022">
                  <c:v>0</c:v>
                </c:pt>
                <c:pt idx="1023">
                  <c:v>0</c:v>
                </c:pt>
                <c:pt idx="1024">
                  <c:v>0</c:v>
                </c:pt>
                <c:pt idx="1025">
                  <c:v>0</c:v>
                </c:pt>
                <c:pt idx="1026">
                  <c:v>0</c:v>
                </c:pt>
                <c:pt idx="1027">
                  <c:v>0</c:v>
                </c:pt>
                <c:pt idx="1028">
                  <c:v>0</c:v>
                </c:pt>
                <c:pt idx="1029">
                  <c:v>0</c:v>
                </c:pt>
                <c:pt idx="1030">
                  <c:v>0</c:v>
                </c:pt>
                <c:pt idx="1031">
                  <c:v>0</c:v>
                </c:pt>
                <c:pt idx="1032">
                  <c:v>0</c:v>
                </c:pt>
                <c:pt idx="1033">
                  <c:v>0</c:v>
                </c:pt>
                <c:pt idx="1034">
                  <c:v>0</c:v>
                </c:pt>
                <c:pt idx="1035">
                  <c:v>0</c:v>
                </c:pt>
                <c:pt idx="1036">
                  <c:v>0</c:v>
                </c:pt>
                <c:pt idx="1037">
                  <c:v>0</c:v>
                </c:pt>
                <c:pt idx="1038">
                  <c:v>0</c:v>
                </c:pt>
                <c:pt idx="1039">
                  <c:v>0</c:v>
                </c:pt>
                <c:pt idx="1040">
                  <c:v>0</c:v>
                </c:pt>
                <c:pt idx="1041">
                  <c:v>0</c:v>
                </c:pt>
                <c:pt idx="1042">
                  <c:v>0</c:v>
                </c:pt>
                <c:pt idx="1043">
                  <c:v>0</c:v>
                </c:pt>
                <c:pt idx="1044">
                  <c:v>0</c:v>
                </c:pt>
                <c:pt idx="1045">
                  <c:v>0</c:v>
                </c:pt>
                <c:pt idx="1046">
                  <c:v>0</c:v>
                </c:pt>
                <c:pt idx="1047">
                  <c:v>0</c:v>
                </c:pt>
                <c:pt idx="1048">
                  <c:v>0</c:v>
                </c:pt>
                <c:pt idx="1049">
                  <c:v>0</c:v>
                </c:pt>
                <c:pt idx="1050">
                  <c:v>0</c:v>
                </c:pt>
                <c:pt idx="1051">
                  <c:v>0</c:v>
                </c:pt>
                <c:pt idx="1052">
                  <c:v>0</c:v>
                </c:pt>
                <c:pt idx="1053">
                  <c:v>0</c:v>
                </c:pt>
                <c:pt idx="1054">
                  <c:v>0</c:v>
                </c:pt>
                <c:pt idx="1055">
                  <c:v>0</c:v>
                </c:pt>
                <c:pt idx="1056">
                  <c:v>0</c:v>
                </c:pt>
                <c:pt idx="1057">
                  <c:v>0</c:v>
                </c:pt>
                <c:pt idx="1058">
                  <c:v>0</c:v>
                </c:pt>
                <c:pt idx="1059">
                  <c:v>0</c:v>
                </c:pt>
                <c:pt idx="1060">
                  <c:v>0</c:v>
                </c:pt>
                <c:pt idx="1061">
                  <c:v>0</c:v>
                </c:pt>
                <c:pt idx="1062">
                  <c:v>0</c:v>
                </c:pt>
                <c:pt idx="1063">
                  <c:v>0</c:v>
                </c:pt>
                <c:pt idx="1064">
                  <c:v>0</c:v>
                </c:pt>
                <c:pt idx="1065">
                  <c:v>0</c:v>
                </c:pt>
                <c:pt idx="1066">
                  <c:v>0</c:v>
                </c:pt>
                <c:pt idx="1067">
                  <c:v>0</c:v>
                </c:pt>
                <c:pt idx="1068">
                  <c:v>0</c:v>
                </c:pt>
                <c:pt idx="1069">
                  <c:v>0</c:v>
                </c:pt>
                <c:pt idx="1070">
                  <c:v>0</c:v>
                </c:pt>
                <c:pt idx="1071">
                  <c:v>0</c:v>
                </c:pt>
                <c:pt idx="1072">
                  <c:v>0</c:v>
                </c:pt>
                <c:pt idx="1073">
                  <c:v>0</c:v>
                </c:pt>
                <c:pt idx="1074">
                  <c:v>0</c:v>
                </c:pt>
                <c:pt idx="1075">
                  <c:v>0</c:v>
                </c:pt>
                <c:pt idx="1076">
                  <c:v>0</c:v>
                </c:pt>
                <c:pt idx="1077">
                  <c:v>0</c:v>
                </c:pt>
                <c:pt idx="1078">
                  <c:v>0</c:v>
                </c:pt>
                <c:pt idx="1079">
                  <c:v>0</c:v>
                </c:pt>
                <c:pt idx="1080">
                  <c:v>0</c:v>
                </c:pt>
                <c:pt idx="1081">
                  <c:v>0</c:v>
                </c:pt>
                <c:pt idx="1082">
                  <c:v>0</c:v>
                </c:pt>
                <c:pt idx="1083">
                  <c:v>0</c:v>
                </c:pt>
                <c:pt idx="1084">
                  <c:v>0</c:v>
                </c:pt>
                <c:pt idx="1085">
                  <c:v>0</c:v>
                </c:pt>
                <c:pt idx="1086">
                  <c:v>0</c:v>
                </c:pt>
                <c:pt idx="1087">
                  <c:v>0</c:v>
                </c:pt>
                <c:pt idx="1088">
                  <c:v>0</c:v>
                </c:pt>
                <c:pt idx="1089">
                  <c:v>0</c:v>
                </c:pt>
                <c:pt idx="1090">
                  <c:v>0</c:v>
                </c:pt>
                <c:pt idx="1091">
                  <c:v>0</c:v>
                </c:pt>
                <c:pt idx="1092">
                  <c:v>0</c:v>
                </c:pt>
                <c:pt idx="1093">
                  <c:v>0</c:v>
                </c:pt>
                <c:pt idx="1094">
                  <c:v>0</c:v>
                </c:pt>
                <c:pt idx="1095">
                  <c:v>0</c:v>
                </c:pt>
                <c:pt idx="1096">
                  <c:v>0</c:v>
                </c:pt>
                <c:pt idx="1097">
                  <c:v>0</c:v>
                </c:pt>
                <c:pt idx="1098">
                  <c:v>0</c:v>
                </c:pt>
                <c:pt idx="1099">
                  <c:v>0</c:v>
                </c:pt>
                <c:pt idx="1100">
                  <c:v>0</c:v>
                </c:pt>
                <c:pt idx="1101">
                  <c:v>0</c:v>
                </c:pt>
                <c:pt idx="1102">
                  <c:v>0</c:v>
                </c:pt>
                <c:pt idx="1103">
                  <c:v>0</c:v>
                </c:pt>
                <c:pt idx="1104">
                  <c:v>0</c:v>
                </c:pt>
                <c:pt idx="1105">
                  <c:v>0</c:v>
                </c:pt>
                <c:pt idx="1106">
                  <c:v>0</c:v>
                </c:pt>
                <c:pt idx="1107">
                  <c:v>0</c:v>
                </c:pt>
                <c:pt idx="1108">
                  <c:v>0</c:v>
                </c:pt>
                <c:pt idx="1109">
                  <c:v>0</c:v>
                </c:pt>
                <c:pt idx="1110">
                  <c:v>0</c:v>
                </c:pt>
                <c:pt idx="1111">
                  <c:v>0</c:v>
                </c:pt>
                <c:pt idx="1112">
                  <c:v>0</c:v>
                </c:pt>
                <c:pt idx="1113">
                  <c:v>0</c:v>
                </c:pt>
                <c:pt idx="1114">
                  <c:v>0</c:v>
                </c:pt>
                <c:pt idx="1115">
                  <c:v>0</c:v>
                </c:pt>
                <c:pt idx="1116">
                  <c:v>0</c:v>
                </c:pt>
                <c:pt idx="1117">
                  <c:v>0</c:v>
                </c:pt>
                <c:pt idx="1118">
                  <c:v>0</c:v>
                </c:pt>
                <c:pt idx="1119">
                  <c:v>0</c:v>
                </c:pt>
                <c:pt idx="1120">
                  <c:v>0</c:v>
                </c:pt>
                <c:pt idx="1121">
                  <c:v>0</c:v>
                </c:pt>
                <c:pt idx="1122">
                  <c:v>0</c:v>
                </c:pt>
                <c:pt idx="1123">
                  <c:v>0</c:v>
                </c:pt>
                <c:pt idx="1124">
                  <c:v>0</c:v>
                </c:pt>
                <c:pt idx="1125">
                  <c:v>0</c:v>
                </c:pt>
                <c:pt idx="1126">
                  <c:v>0</c:v>
                </c:pt>
                <c:pt idx="1127">
                  <c:v>0</c:v>
                </c:pt>
                <c:pt idx="1128">
                  <c:v>0</c:v>
                </c:pt>
                <c:pt idx="1129">
                  <c:v>0</c:v>
                </c:pt>
                <c:pt idx="1130">
                  <c:v>0</c:v>
                </c:pt>
                <c:pt idx="1131">
                  <c:v>0</c:v>
                </c:pt>
                <c:pt idx="1132">
                  <c:v>0</c:v>
                </c:pt>
                <c:pt idx="1133">
                  <c:v>0</c:v>
                </c:pt>
                <c:pt idx="1134">
                  <c:v>0</c:v>
                </c:pt>
                <c:pt idx="1135">
                  <c:v>0</c:v>
                </c:pt>
                <c:pt idx="1136">
                  <c:v>0</c:v>
                </c:pt>
                <c:pt idx="1137">
                  <c:v>0</c:v>
                </c:pt>
                <c:pt idx="1138">
                  <c:v>0</c:v>
                </c:pt>
                <c:pt idx="1139">
                  <c:v>0</c:v>
                </c:pt>
                <c:pt idx="1140">
                  <c:v>0</c:v>
                </c:pt>
                <c:pt idx="1141">
                  <c:v>0</c:v>
                </c:pt>
                <c:pt idx="1142">
                  <c:v>0</c:v>
                </c:pt>
                <c:pt idx="1143">
                  <c:v>0</c:v>
                </c:pt>
                <c:pt idx="1144">
                  <c:v>0</c:v>
                </c:pt>
                <c:pt idx="1145">
                  <c:v>0</c:v>
                </c:pt>
                <c:pt idx="1146">
                  <c:v>0</c:v>
                </c:pt>
                <c:pt idx="1147">
                  <c:v>0</c:v>
                </c:pt>
                <c:pt idx="1148">
                  <c:v>0</c:v>
                </c:pt>
                <c:pt idx="1149">
                  <c:v>0</c:v>
                </c:pt>
                <c:pt idx="1150">
                  <c:v>0</c:v>
                </c:pt>
                <c:pt idx="1151">
                  <c:v>0</c:v>
                </c:pt>
                <c:pt idx="1152">
                  <c:v>0</c:v>
                </c:pt>
                <c:pt idx="1153">
                  <c:v>0</c:v>
                </c:pt>
                <c:pt idx="1154">
                  <c:v>0</c:v>
                </c:pt>
                <c:pt idx="1155">
                  <c:v>0</c:v>
                </c:pt>
                <c:pt idx="1156">
                  <c:v>0</c:v>
                </c:pt>
                <c:pt idx="1157">
                  <c:v>0</c:v>
                </c:pt>
                <c:pt idx="1158">
                  <c:v>0</c:v>
                </c:pt>
                <c:pt idx="1159">
                  <c:v>0</c:v>
                </c:pt>
                <c:pt idx="1160">
                  <c:v>0</c:v>
                </c:pt>
                <c:pt idx="1161">
                  <c:v>0</c:v>
                </c:pt>
                <c:pt idx="1162">
                  <c:v>0</c:v>
                </c:pt>
                <c:pt idx="1163">
                  <c:v>0</c:v>
                </c:pt>
                <c:pt idx="1164">
                  <c:v>0</c:v>
                </c:pt>
                <c:pt idx="1165">
                  <c:v>0</c:v>
                </c:pt>
                <c:pt idx="1166">
                  <c:v>0</c:v>
                </c:pt>
                <c:pt idx="1167">
                  <c:v>0</c:v>
                </c:pt>
                <c:pt idx="1168">
                  <c:v>0</c:v>
                </c:pt>
                <c:pt idx="1169">
                  <c:v>0</c:v>
                </c:pt>
                <c:pt idx="1170">
                  <c:v>0</c:v>
                </c:pt>
                <c:pt idx="1171">
                  <c:v>0</c:v>
                </c:pt>
                <c:pt idx="1172">
                  <c:v>0</c:v>
                </c:pt>
                <c:pt idx="1173">
                  <c:v>0</c:v>
                </c:pt>
                <c:pt idx="1174">
                  <c:v>0</c:v>
                </c:pt>
                <c:pt idx="1175">
                  <c:v>0</c:v>
                </c:pt>
                <c:pt idx="1176">
                  <c:v>0</c:v>
                </c:pt>
                <c:pt idx="1177">
                  <c:v>0</c:v>
                </c:pt>
                <c:pt idx="1178">
                  <c:v>0</c:v>
                </c:pt>
                <c:pt idx="1179">
                  <c:v>0</c:v>
                </c:pt>
                <c:pt idx="1180">
                  <c:v>0</c:v>
                </c:pt>
                <c:pt idx="1181">
                  <c:v>0</c:v>
                </c:pt>
                <c:pt idx="1182">
                  <c:v>0</c:v>
                </c:pt>
                <c:pt idx="1183">
                  <c:v>0</c:v>
                </c:pt>
                <c:pt idx="1184">
                  <c:v>0</c:v>
                </c:pt>
                <c:pt idx="1185">
                  <c:v>0</c:v>
                </c:pt>
                <c:pt idx="1186">
                  <c:v>0</c:v>
                </c:pt>
                <c:pt idx="1187">
                  <c:v>0</c:v>
                </c:pt>
                <c:pt idx="1188">
                  <c:v>0</c:v>
                </c:pt>
                <c:pt idx="1189">
                  <c:v>0</c:v>
                </c:pt>
                <c:pt idx="1190">
                  <c:v>0</c:v>
                </c:pt>
                <c:pt idx="1191">
                  <c:v>0</c:v>
                </c:pt>
                <c:pt idx="1192">
                  <c:v>0</c:v>
                </c:pt>
                <c:pt idx="1193">
                  <c:v>0</c:v>
                </c:pt>
                <c:pt idx="1194">
                  <c:v>0</c:v>
                </c:pt>
                <c:pt idx="1195">
                  <c:v>0</c:v>
                </c:pt>
                <c:pt idx="1196">
                  <c:v>0</c:v>
                </c:pt>
                <c:pt idx="1197">
                  <c:v>0</c:v>
                </c:pt>
                <c:pt idx="1198">
                  <c:v>0</c:v>
                </c:pt>
                <c:pt idx="1199">
                  <c:v>0</c:v>
                </c:pt>
                <c:pt idx="1200">
                  <c:v>0</c:v>
                </c:pt>
                <c:pt idx="1201">
                  <c:v>0</c:v>
                </c:pt>
                <c:pt idx="1202">
                  <c:v>0</c:v>
                </c:pt>
                <c:pt idx="1203">
                  <c:v>0</c:v>
                </c:pt>
                <c:pt idx="1204">
                  <c:v>0</c:v>
                </c:pt>
                <c:pt idx="1205">
                  <c:v>0</c:v>
                </c:pt>
                <c:pt idx="1206">
                  <c:v>0</c:v>
                </c:pt>
                <c:pt idx="1207">
                  <c:v>0</c:v>
                </c:pt>
                <c:pt idx="1208">
                  <c:v>0</c:v>
                </c:pt>
                <c:pt idx="1209">
                  <c:v>0</c:v>
                </c:pt>
                <c:pt idx="1210">
                  <c:v>0</c:v>
                </c:pt>
                <c:pt idx="1211">
                  <c:v>0</c:v>
                </c:pt>
                <c:pt idx="1212">
                  <c:v>0</c:v>
                </c:pt>
                <c:pt idx="1213">
                  <c:v>0</c:v>
                </c:pt>
                <c:pt idx="1214">
                  <c:v>0</c:v>
                </c:pt>
                <c:pt idx="1215">
                  <c:v>0</c:v>
                </c:pt>
                <c:pt idx="1216">
                  <c:v>0</c:v>
                </c:pt>
                <c:pt idx="1217">
                  <c:v>0</c:v>
                </c:pt>
                <c:pt idx="1218">
                  <c:v>0</c:v>
                </c:pt>
                <c:pt idx="1219">
                  <c:v>0</c:v>
                </c:pt>
                <c:pt idx="1220">
                  <c:v>0</c:v>
                </c:pt>
                <c:pt idx="1221">
                  <c:v>0</c:v>
                </c:pt>
                <c:pt idx="1222">
                  <c:v>0</c:v>
                </c:pt>
                <c:pt idx="1223">
                  <c:v>0</c:v>
                </c:pt>
                <c:pt idx="1224">
                  <c:v>0</c:v>
                </c:pt>
                <c:pt idx="1225">
                  <c:v>0</c:v>
                </c:pt>
                <c:pt idx="1226">
                  <c:v>0</c:v>
                </c:pt>
                <c:pt idx="1227">
                  <c:v>0</c:v>
                </c:pt>
                <c:pt idx="1228">
                  <c:v>0</c:v>
                </c:pt>
                <c:pt idx="1229">
                  <c:v>0</c:v>
                </c:pt>
                <c:pt idx="1230">
                  <c:v>0</c:v>
                </c:pt>
                <c:pt idx="1231">
                  <c:v>0</c:v>
                </c:pt>
                <c:pt idx="1232">
                  <c:v>0</c:v>
                </c:pt>
                <c:pt idx="1233">
                  <c:v>0</c:v>
                </c:pt>
                <c:pt idx="1234">
                  <c:v>0</c:v>
                </c:pt>
                <c:pt idx="1235">
                  <c:v>0</c:v>
                </c:pt>
                <c:pt idx="1236">
                  <c:v>0</c:v>
                </c:pt>
                <c:pt idx="1237">
                  <c:v>0</c:v>
                </c:pt>
                <c:pt idx="1238">
                  <c:v>0</c:v>
                </c:pt>
                <c:pt idx="1239">
                  <c:v>0</c:v>
                </c:pt>
                <c:pt idx="1240">
                  <c:v>0</c:v>
                </c:pt>
                <c:pt idx="1241">
                  <c:v>0</c:v>
                </c:pt>
                <c:pt idx="1242">
                  <c:v>0</c:v>
                </c:pt>
                <c:pt idx="1243">
                  <c:v>0</c:v>
                </c:pt>
                <c:pt idx="1244">
                  <c:v>0</c:v>
                </c:pt>
                <c:pt idx="1245">
                  <c:v>0</c:v>
                </c:pt>
                <c:pt idx="1246">
                  <c:v>0</c:v>
                </c:pt>
                <c:pt idx="1247">
                  <c:v>0</c:v>
                </c:pt>
                <c:pt idx="1248">
                  <c:v>0</c:v>
                </c:pt>
                <c:pt idx="1249">
                  <c:v>0</c:v>
                </c:pt>
                <c:pt idx="1250">
                  <c:v>0</c:v>
                </c:pt>
                <c:pt idx="1251">
                  <c:v>0</c:v>
                </c:pt>
                <c:pt idx="1252">
                  <c:v>0</c:v>
                </c:pt>
                <c:pt idx="1253">
                  <c:v>0</c:v>
                </c:pt>
                <c:pt idx="1254">
                  <c:v>0</c:v>
                </c:pt>
                <c:pt idx="1255">
                  <c:v>0</c:v>
                </c:pt>
                <c:pt idx="1256">
                  <c:v>0</c:v>
                </c:pt>
                <c:pt idx="1257">
                  <c:v>0</c:v>
                </c:pt>
                <c:pt idx="1258">
                  <c:v>0</c:v>
                </c:pt>
                <c:pt idx="1259">
                  <c:v>0</c:v>
                </c:pt>
                <c:pt idx="1260">
                  <c:v>0</c:v>
                </c:pt>
                <c:pt idx="1261">
                  <c:v>0</c:v>
                </c:pt>
                <c:pt idx="1262">
                  <c:v>0</c:v>
                </c:pt>
                <c:pt idx="1263">
                  <c:v>0</c:v>
                </c:pt>
                <c:pt idx="1264">
                  <c:v>0</c:v>
                </c:pt>
                <c:pt idx="1265">
                  <c:v>0</c:v>
                </c:pt>
                <c:pt idx="1266">
                  <c:v>0</c:v>
                </c:pt>
                <c:pt idx="1267">
                  <c:v>0</c:v>
                </c:pt>
                <c:pt idx="1268">
                  <c:v>0</c:v>
                </c:pt>
                <c:pt idx="1269">
                  <c:v>0</c:v>
                </c:pt>
                <c:pt idx="1270">
                  <c:v>0</c:v>
                </c:pt>
                <c:pt idx="1271">
                  <c:v>0</c:v>
                </c:pt>
                <c:pt idx="1272">
                  <c:v>0</c:v>
                </c:pt>
                <c:pt idx="1273">
                  <c:v>0</c:v>
                </c:pt>
                <c:pt idx="1274">
                  <c:v>0</c:v>
                </c:pt>
                <c:pt idx="1275">
                  <c:v>0</c:v>
                </c:pt>
                <c:pt idx="1276">
                  <c:v>0</c:v>
                </c:pt>
                <c:pt idx="1277">
                  <c:v>0</c:v>
                </c:pt>
                <c:pt idx="1278">
                  <c:v>0</c:v>
                </c:pt>
                <c:pt idx="1279">
                  <c:v>0</c:v>
                </c:pt>
                <c:pt idx="1280">
                  <c:v>0</c:v>
                </c:pt>
                <c:pt idx="1281">
                  <c:v>0</c:v>
                </c:pt>
                <c:pt idx="1282">
                  <c:v>0</c:v>
                </c:pt>
                <c:pt idx="1283">
                  <c:v>0</c:v>
                </c:pt>
                <c:pt idx="1284">
                  <c:v>0</c:v>
                </c:pt>
                <c:pt idx="1285">
                  <c:v>0</c:v>
                </c:pt>
                <c:pt idx="1286">
                  <c:v>0</c:v>
                </c:pt>
                <c:pt idx="1287">
                  <c:v>0</c:v>
                </c:pt>
                <c:pt idx="1288">
                  <c:v>0</c:v>
                </c:pt>
                <c:pt idx="1289">
                  <c:v>0</c:v>
                </c:pt>
                <c:pt idx="1290">
                  <c:v>0</c:v>
                </c:pt>
                <c:pt idx="1291">
                  <c:v>0</c:v>
                </c:pt>
                <c:pt idx="1292">
                  <c:v>0</c:v>
                </c:pt>
                <c:pt idx="1293">
                  <c:v>0</c:v>
                </c:pt>
                <c:pt idx="1294">
                  <c:v>0</c:v>
                </c:pt>
                <c:pt idx="1295">
                  <c:v>0</c:v>
                </c:pt>
                <c:pt idx="1296">
                  <c:v>0</c:v>
                </c:pt>
                <c:pt idx="1297">
                  <c:v>0</c:v>
                </c:pt>
                <c:pt idx="1298">
                  <c:v>0</c:v>
                </c:pt>
                <c:pt idx="1299">
                  <c:v>0</c:v>
                </c:pt>
                <c:pt idx="1300">
                  <c:v>0</c:v>
                </c:pt>
                <c:pt idx="1301">
                  <c:v>0</c:v>
                </c:pt>
                <c:pt idx="1302">
                  <c:v>0</c:v>
                </c:pt>
                <c:pt idx="1303">
                  <c:v>0</c:v>
                </c:pt>
                <c:pt idx="1304">
                  <c:v>0</c:v>
                </c:pt>
                <c:pt idx="1305">
                  <c:v>0</c:v>
                </c:pt>
                <c:pt idx="1306">
                  <c:v>0</c:v>
                </c:pt>
                <c:pt idx="1307">
                  <c:v>0</c:v>
                </c:pt>
                <c:pt idx="1308">
                  <c:v>0</c:v>
                </c:pt>
                <c:pt idx="1309">
                  <c:v>0</c:v>
                </c:pt>
                <c:pt idx="1310">
                  <c:v>0</c:v>
                </c:pt>
                <c:pt idx="1311">
                  <c:v>0</c:v>
                </c:pt>
                <c:pt idx="1312">
                  <c:v>0</c:v>
                </c:pt>
                <c:pt idx="1313">
                  <c:v>0</c:v>
                </c:pt>
                <c:pt idx="1314">
                  <c:v>0</c:v>
                </c:pt>
                <c:pt idx="1315">
                  <c:v>0</c:v>
                </c:pt>
                <c:pt idx="1316">
                  <c:v>0</c:v>
                </c:pt>
                <c:pt idx="1317">
                  <c:v>0</c:v>
                </c:pt>
                <c:pt idx="1318">
                  <c:v>0</c:v>
                </c:pt>
                <c:pt idx="1319">
                  <c:v>0</c:v>
                </c:pt>
                <c:pt idx="1320">
                  <c:v>0</c:v>
                </c:pt>
                <c:pt idx="1321">
                  <c:v>0</c:v>
                </c:pt>
                <c:pt idx="1322">
                  <c:v>0</c:v>
                </c:pt>
                <c:pt idx="1323">
                  <c:v>0</c:v>
                </c:pt>
                <c:pt idx="1324">
                  <c:v>0</c:v>
                </c:pt>
                <c:pt idx="1325">
                  <c:v>0</c:v>
                </c:pt>
                <c:pt idx="1326">
                  <c:v>0</c:v>
                </c:pt>
                <c:pt idx="1327">
                  <c:v>0</c:v>
                </c:pt>
                <c:pt idx="1328">
                  <c:v>0</c:v>
                </c:pt>
                <c:pt idx="1329">
                  <c:v>0</c:v>
                </c:pt>
                <c:pt idx="1330">
                  <c:v>0</c:v>
                </c:pt>
                <c:pt idx="1331">
                  <c:v>0</c:v>
                </c:pt>
                <c:pt idx="1332">
                  <c:v>0</c:v>
                </c:pt>
                <c:pt idx="1333">
                  <c:v>0</c:v>
                </c:pt>
                <c:pt idx="1334">
                  <c:v>0</c:v>
                </c:pt>
                <c:pt idx="1335">
                  <c:v>0</c:v>
                </c:pt>
                <c:pt idx="1336">
                  <c:v>0</c:v>
                </c:pt>
                <c:pt idx="1337">
                  <c:v>0</c:v>
                </c:pt>
                <c:pt idx="1338">
                  <c:v>0</c:v>
                </c:pt>
                <c:pt idx="1339">
                  <c:v>0</c:v>
                </c:pt>
                <c:pt idx="1340">
                  <c:v>0</c:v>
                </c:pt>
                <c:pt idx="1341">
                  <c:v>0</c:v>
                </c:pt>
                <c:pt idx="1342">
                  <c:v>0</c:v>
                </c:pt>
                <c:pt idx="1343">
                  <c:v>0</c:v>
                </c:pt>
                <c:pt idx="1344">
                  <c:v>0</c:v>
                </c:pt>
                <c:pt idx="1345">
                  <c:v>0</c:v>
                </c:pt>
                <c:pt idx="1346">
                  <c:v>0</c:v>
                </c:pt>
                <c:pt idx="1347">
                  <c:v>0</c:v>
                </c:pt>
                <c:pt idx="1348">
                  <c:v>0</c:v>
                </c:pt>
                <c:pt idx="1349">
                  <c:v>0</c:v>
                </c:pt>
                <c:pt idx="1350">
                  <c:v>0</c:v>
                </c:pt>
                <c:pt idx="1351">
                  <c:v>0</c:v>
                </c:pt>
                <c:pt idx="1352">
                  <c:v>0</c:v>
                </c:pt>
                <c:pt idx="1353">
                  <c:v>0</c:v>
                </c:pt>
                <c:pt idx="1354">
                  <c:v>0</c:v>
                </c:pt>
                <c:pt idx="1355">
                  <c:v>0</c:v>
                </c:pt>
                <c:pt idx="1356">
                  <c:v>0</c:v>
                </c:pt>
                <c:pt idx="1357">
                  <c:v>0</c:v>
                </c:pt>
                <c:pt idx="1358">
                  <c:v>0</c:v>
                </c:pt>
                <c:pt idx="1359">
                  <c:v>0</c:v>
                </c:pt>
                <c:pt idx="1360">
                  <c:v>0</c:v>
                </c:pt>
                <c:pt idx="1361">
                  <c:v>0</c:v>
                </c:pt>
                <c:pt idx="1362">
                  <c:v>0</c:v>
                </c:pt>
                <c:pt idx="1363">
                  <c:v>0</c:v>
                </c:pt>
                <c:pt idx="1364">
                  <c:v>0</c:v>
                </c:pt>
                <c:pt idx="1365">
                  <c:v>0</c:v>
                </c:pt>
                <c:pt idx="1366">
                  <c:v>0</c:v>
                </c:pt>
                <c:pt idx="1367">
                  <c:v>0</c:v>
                </c:pt>
                <c:pt idx="1368">
                  <c:v>0</c:v>
                </c:pt>
                <c:pt idx="1369">
                  <c:v>0</c:v>
                </c:pt>
                <c:pt idx="1370">
                  <c:v>0</c:v>
                </c:pt>
                <c:pt idx="1371">
                  <c:v>0</c:v>
                </c:pt>
                <c:pt idx="1372">
                  <c:v>0</c:v>
                </c:pt>
                <c:pt idx="1373">
                  <c:v>0</c:v>
                </c:pt>
                <c:pt idx="1374">
                  <c:v>0</c:v>
                </c:pt>
                <c:pt idx="1375">
                  <c:v>0</c:v>
                </c:pt>
                <c:pt idx="1376">
                  <c:v>0</c:v>
                </c:pt>
                <c:pt idx="1377">
                  <c:v>0</c:v>
                </c:pt>
                <c:pt idx="1378">
                  <c:v>0</c:v>
                </c:pt>
                <c:pt idx="1379">
                  <c:v>0</c:v>
                </c:pt>
                <c:pt idx="1380">
                  <c:v>0</c:v>
                </c:pt>
                <c:pt idx="1381">
                  <c:v>0</c:v>
                </c:pt>
                <c:pt idx="1382">
                  <c:v>0</c:v>
                </c:pt>
                <c:pt idx="1383">
                  <c:v>0</c:v>
                </c:pt>
                <c:pt idx="1384">
                  <c:v>0</c:v>
                </c:pt>
                <c:pt idx="1385">
                  <c:v>0</c:v>
                </c:pt>
                <c:pt idx="1386">
                  <c:v>0</c:v>
                </c:pt>
                <c:pt idx="1387">
                  <c:v>0</c:v>
                </c:pt>
                <c:pt idx="1388">
                  <c:v>0</c:v>
                </c:pt>
                <c:pt idx="1389">
                  <c:v>0</c:v>
                </c:pt>
                <c:pt idx="1390">
                  <c:v>0</c:v>
                </c:pt>
                <c:pt idx="1391">
                  <c:v>0</c:v>
                </c:pt>
                <c:pt idx="1392">
                  <c:v>0</c:v>
                </c:pt>
                <c:pt idx="1393">
                  <c:v>0</c:v>
                </c:pt>
                <c:pt idx="1394">
                  <c:v>0</c:v>
                </c:pt>
                <c:pt idx="1395">
                  <c:v>0</c:v>
                </c:pt>
                <c:pt idx="1396">
                  <c:v>0</c:v>
                </c:pt>
                <c:pt idx="1397">
                  <c:v>0</c:v>
                </c:pt>
                <c:pt idx="1398">
                  <c:v>0</c:v>
                </c:pt>
                <c:pt idx="1399">
                  <c:v>0</c:v>
                </c:pt>
                <c:pt idx="1400">
                  <c:v>0</c:v>
                </c:pt>
                <c:pt idx="1401">
                  <c:v>0</c:v>
                </c:pt>
                <c:pt idx="1402">
                  <c:v>0</c:v>
                </c:pt>
                <c:pt idx="1403">
                  <c:v>0</c:v>
                </c:pt>
                <c:pt idx="1404">
                  <c:v>0</c:v>
                </c:pt>
                <c:pt idx="1405">
                  <c:v>0</c:v>
                </c:pt>
                <c:pt idx="1406">
                  <c:v>0</c:v>
                </c:pt>
                <c:pt idx="1407">
                  <c:v>0</c:v>
                </c:pt>
                <c:pt idx="1408">
                  <c:v>0</c:v>
                </c:pt>
                <c:pt idx="1409">
                  <c:v>0</c:v>
                </c:pt>
                <c:pt idx="1410">
                  <c:v>0</c:v>
                </c:pt>
                <c:pt idx="1411">
                  <c:v>0</c:v>
                </c:pt>
                <c:pt idx="1412">
                  <c:v>0</c:v>
                </c:pt>
                <c:pt idx="1413">
                  <c:v>0</c:v>
                </c:pt>
                <c:pt idx="1414">
                  <c:v>0</c:v>
                </c:pt>
                <c:pt idx="1415">
                  <c:v>0</c:v>
                </c:pt>
                <c:pt idx="1416">
                  <c:v>0</c:v>
                </c:pt>
                <c:pt idx="1417">
                  <c:v>0</c:v>
                </c:pt>
                <c:pt idx="1418">
                  <c:v>0</c:v>
                </c:pt>
                <c:pt idx="1419">
                  <c:v>0</c:v>
                </c:pt>
                <c:pt idx="1420">
                  <c:v>0</c:v>
                </c:pt>
                <c:pt idx="1421">
                  <c:v>0</c:v>
                </c:pt>
                <c:pt idx="1422">
                  <c:v>0</c:v>
                </c:pt>
                <c:pt idx="1423">
                  <c:v>0</c:v>
                </c:pt>
                <c:pt idx="1424">
                  <c:v>0</c:v>
                </c:pt>
                <c:pt idx="1425">
                  <c:v>0</c:v>
                </c:pt>
                <c:pt idx="1426">
                  <c:v>0</c:v>
                </c:pt>
                <c:pt idx="1427">
                  <c:v>0</c:v>
                </c:pt>
                <c:pt idx="1428">
                  <c:v>0</c:v>
                </c:pt>
                <c:pt idx="1429">
                  <c:v>0</c:v>
                </c:pt>
                <c:pt idx="1430">
                  <c:v>0</c:v>
                </c:pt>
                <c:pt idx="1431">
                  <c:v>0</c:v>
                </c:pt>
                <c:pt idx="1432">
                  <c:v>0</c:v>
                </c:pt>
                <c:pt idx="1433">
                  <c:v>0</c:v>
                </c:pt>
                <c:pt idx="1434">
                  <c:v>0</c:v>
                </c:pt>
                <c:pt idx="1435">
                  <c:v>0</c:v>
                </c:pt>
                <c:pt idx="1436">
                  <c:v>0</c:v>
                </c:pt>
                <c:pt idx="1437">
                  <c:v>0</c:v>
                </c:pt>
                <c:pt idx="1438">
                  <c:v>0</c:v>
                </c:pt>
                <c:pt idx="1439">
                  <c:v>0</c:v>
                </c:pt>
                <c:pt idx="1440">
                  <c:v>0</c:v>
                </c:pt>
                <c:pt idx="1441">
                  <c:v>0</c:v>
                </c:pt>
                <c:pt idx="1442">
                  <c:v>0</c:v>
                </c:pt>
                <c:pt idx="1443">
                  <c:v>0</c:v>
                </c:pt>
                <c:pt idx="1444">
                  <c:v>0</c:v>
                </c:pt>
                <c:pt idx="1445">
                  <c:v>0</c:v>
                </c:pt>
                <c:pt idx="1446">
                  <c:v>0</c:v>
                </c:pt>
                <c:pt idx="1447">
                  <c:v>0</c:v>
                </c:pt>
                <c:pt idx="1448">
                  <c:v>0</c:v>
                </c:pt>
                <c:pt idx="1449">
                  <c:v>0</c:v>
                </c:pt>
                <c:pt idx="1450">
                  <c:v>0</c:v>
                </c:pt>
                <c:pt idx="1451">
                  <c:v>0</c:v>
                </c:pt>
                <c:pt idx="1452">
                  <c:v>0</c:v>
                </c:pt>
                <c:pt idx="1453">
                  <c:v>0</c:v>
                </c:pt>
                <c:pt idx="1454">
                  <c:v>0</c:v>
                </c:pt>
                <c:pt idx="1455">
                  <c:v>0</c:v>
                </c:pt>
                <c:pt idx="1456">
                  <c:v>0</c:v>
                </c:pt>
                <c:pt idx="1457">
                  <c:v>0</c:v>
                </c:pt>
                <c:pt idx="1458">
                  <c:v>0</c:v>
                </c:pt>
                <c:pt idx="1459">
                  <c:v>0</c:v>
                </c:pt>
                <c:pt idx="1460">
                  <c:v>0</c:v>
                </c:pt>
                <c:pt idx="1461">
                  <c:v>0</c:v>
                </c:pt>
                <c:pt idx="1462">
                  <c:v>0</c:v>
                </c:pt>
                <c:pt idx="1463">
                  <c:v>0</c:v>
                </c:pt>
                <c:pt idx="1464">
                  <c:v>0</c:v>
                </c:pt>
                <c:pt idx="1465">
                  <c:v>0</c:v>
                </c:pt>
                <c:pt idx="1466">
                  <c:v>0</c:v>
                </c:pt>
                <c:pt idx="1467">
                  <c:v>0</c:v>
                </c:pt>
                <c:pt idx="1468">
                  <c:v>0</c:v>
                </c:pt>
                <c:pt idx="1469">
                  <c:v>0</c:v>
                </c:pt>
                <c:pt idx="1470">
                  <c:v>0</c:v>
                </c:pt>
                <c:pt idx="1471">
                  <c:v>0</c:v>
                </c:pt>
                <c:pt idx="1472">
                  <c:v>0</c:v>
                </c:pt>
                <c:pt idx="1473">
                  <c:v>0</c:v>
                </c:pt>
                <c:pt idx="1474">
                  <c:v>0</c:v>
                </c:pt>
                <c:pt idx="1475">
                  <c:v>0</c:v>
                </c:pt>
                <c:pt idx="1476">
                  <c:v>0</c:v>
                </c:pt>
                <c:pt idx="1477">
                  <c:v>0</c:v>
                </c:pt>
                <c:pt idx="1478">
                  <c:v>0</c:v>
                </c:pt>
                <c:pt idx="1479">
                  <c:v>0</c:v>
                </c:pt>
                <c:pt idx="1480">
                  <c:v>0</c:v>
                </c:pt>
                <c:pt idx="1481">
                  <c:v>0</c:v>
                </c:pt>
                <c:pt idx="1482">
                  <c:v>0</c:v>
                </c:pt>
                <c:pt idx="1483">
                  <c:v>0</c:v>
                </c:pt>
                <c:pt idx="1484">
                  <c:v>0</c:v>
                </c:pt>
                <c:pt idx="1485">
                  <c:v>0</c:v>
                </c:pt>
                <c:pt idx="1486">
                  <c:v>0</c:v>
                </c:pt>
                <c:pt idx="1487">
                  <c:v>0</c:v>
                </c:pt>
                <c:pt idx="1488">
                  <c:v>0</c:v>
                </c:pt>
                <c:pt idx="1489">
                  <c:v>0</c:v>
                </c:pt>
                <c:pt idx="1490">
                  <c:v>0</c:v>
                </c:pt>
                <c:pt idx="1491">
                  <c:v>0</c:v>
                </c:pt>
                <c:pt idx="1492">
                  <c:v>0</c:v>
                </c:pt>
                <c:pt idx="1493">
                  <c:v>0</c:v>
                </c:pt>
                <c:pt idx="1494">
                  <c:v>0</c:v>
                </c:pt>
                <c:pt idx="1495">
                  <c:v>0</c:v>
                </c:pt>
                <c:pt idx="1496">
                  <c:v>0</c:v>
                </c:pt>
                <c:pt idx="1497">
                  <c:v>0</c:v>
                </c:pt>
                <c:pt idx="1498">
                  <c:v>0</c:v>
                </c:pt>
                <c:pt idx="1499">
                  <c:v>0</c:v>
                </c:pt>
                <c:pt idx="1500">
                  <c:v>0</c:v>
                </c:pt>
                <c:pt idx="1501">
                  <c:v>0</c:v>
                </c:pt>
                <c:pt idx="1502">
                  <c:v>0</c:v>
                </c:pt>
                <c:pt idx="1503">
                  <c:v>0</c:v>
                </c:pt>
                <c:pt idx="1504">
                  <c:v>0</c:v>
                </c:pt>
                <c:pt idx="1505">
                  <c:v>0</c:v>
                </c:pt>
                <c:pt idx="1506">
                  <c:v>0</c:v>
                </c:pt>
                <c:pt idx="1507">
                  <c:v>0</c:v>
                </c:pt>
                <c:pt idx="1508">
                  <c:v>0</c:v>
                </c:pt>
                <c:pt idx="1509">
                  <c:v>0</c:v>
                </c:pt>
                <c:pt idx="1510">
                  <c:v>0</c:v>
                </c:pt>
                <c:pt idx="1511">
                  <c:v>0</c:v>
                </c:pt>
                <c:pt idx="1512">
                  <c:v>0</c:v>
                </c:pt>
                <c:pt idx="1513">
                  <c:v>0</c:v>
                </c:pt>
                <c:pt idx="1514">
                  <c:v>0</c:v>
                </c:pt>
                <c:pt idx="1515">
                  <c:v>0</c:v>
                </c:pt>
                <c:pt idx="1516">
                  <c:v>0</c:v>
                </c:pt>
                <c:pt idx="1517">
                  <c:v>0</c:v>
                </c:pt>
                <c:pt idx="1518">
                  <c:v>0</c:v>
                </c:pt>
                <c:pt idx="1519">
                  <c:v>0</c:v>
                </c:pt>
                <c:pt idx="1520">
                  <c:v>0</c:v>
                </c:pt>
                <c:pt idx="1521">
                  <c:v>0</c:v>
                </c:pt>
                <c:pt idx="1522">
                  <c:v>0</c:v>
                </c:pt>
                <c:pt idx="1523">
                  <c:v>0</c:v>
                </c:pt>
                <c:pt idx="1524">
                  <c:v>0</c:v>
                </c:pt>
                <c:pt idx="1525">
                  <c:v>0</c:v>
                </c:pt>
                <c:pt idx="1526">
                  <c:v>0</c:v>
                </c:pt>
                <c:pt idx="1527">
                  <c:v>0</c:v>
                </c:pt>
                <c:pt idx="1528">
                  <c:v>0</c:v>
                </c:pt>
                <c:pt idx="1529">
                  <c:v>0</c:v>
                </c:pt>
                <c:pt idx="1530">
                  <c:v>0</c:v>
                </c:pt>
                <c:pt idx="1531">
                  <c:v>0</c:v>
                </c:pt>
                <c:pt idx="1532">
                  <c:v>0</c:v>
                </c:pt>
                <c:pt idx="1533">
                  <c:v>0</c:v>
                </c:pt>
                <c:pt idx="1534">
                  <c:v>0</c:v>
                </c:pt>
                <c:pt idx="1535">
                  <c:v>0</c:v>
                </c:pt>
                <c:pt idx="1536">
                  <c:v>0</c:v>
                </c:pt>
                <c:pt idx="1537">
                  <c:v>0</c:v>
                </c:pt>
                <c:pt idx="1538">
                  <c:v>0</c:v>
                </c:pt>
                <c:pt idx="1539">
                  <c:v>0</c:v>
                </c:pt>
                <c:pt idx="1540">
                  <c:v>0</c:v>
                </c:pt>
                <c:pt idx="1541">
                  <c:v>0</c:v>
                </c:pt>
                <c:pt idx="1542">
                  <c:v>0</c:v>
                </c:pt>
                <c:pt idx="1543">
                  <c:v>0</c:v>
                </c:pt>
                <c:pt idx="1544">
                  <c:v>0</c:v>
                </c:pt>
                <c:pt idx="1545">
                  <c:v>0</c:v>
                </c:pt>
                <c:pt idx="1546">
                  <c:v>0</c:v>
                </c:pt>
                <c:pt idx="1547">
                  <c:v>0</c:v>
                </c:pt>
                <c:pt idx="1548">
                  <c:v>0</c:v>
                </c:pt>
                <c:pt idx="1549">
                  <c:v>0</c:v>
                </c:pt>
                <c:pt idx="1550">
                  <c:v>0</c:v>
                </c:pt>
                <c:pt idx="1551">
                  <c:v>0</c:v>
                </c:pt>
                <c:pt idx="1552">
                  <c:v>0</c:v>
                </c:pt>
                <c:pt idx="1553">
                  <c:v>0</c:v>
                </c:pt>
                <c:pt idx="1554">
                  <c:v>0</c:v>
                </c:pt>
                <c:pt idx="1555">
                  <c:v>0</c:v>
                </c:pt>
                <c:pt idx="1556">
                  <c:v>0</c:v>
                </c:pt>
                <c:pt idx="1557">
                  <c:v>0</c:v>
                </c:pt>
                <c:pt idx="1558">
                  <c:v>0</c:v>
                </c:pt>
                <c:pt idx="1559">
                  <c:v>0</c:v>
                </c:pt>
                <c:pt idx="1560">
                  <c:v>0</c:v>
                </c:pt>
                <c:pt idx="1561">
                  <c:v>0</c:v>
                </c:pt>
                <c:pt idx="1562">
                  <c:v>0</c:v>
                </c:pt>
                <c:pt idx="1563">
                  <c:v>0</c:v>
                </c:pt>
                <c:pt idx="1564">
                  <c:v>0</c:v>
                </c:pt>
                <c:pt idx="1565">
                  <c:v>0</c:v>
                </c:pt>
                <c:pt idx="1566">
                  <c:v>0</c:v>
                </c:pt>
                <c:pt idx="1567">
                  <c:v>0</c:v>
                </c:pt>
                <c:pt idx="1568">
                  <c:v>0</c:v>
                </c:pt>
                <c:pt idx="1569">
                  <c:v>0</c:v>
                </c:pt>
                <c:pt idx="1570">
                  <c:v>0</c:v>
                </c:pt>
                <c:pt idx="1571">
                  <c:v>0</c:v>
                </c:pt>
                <c:pt idx="1572">
                  <c:v>0</c:v>
                </c:pt>
                <c:pt idx="1573">
                  <c:v>0</c:v>
                </c:pt>
                <c:pt idx="1574">
                  <c:v>0</c:v>
                </c:pt>
                <c:pt idx="1575">
                  <c:v>0</c:v>
                </c:pt>
                <c:pt idx="1576">
                  <c:v>0</c:v>
                </c:pt>
                <c:pt idx="1577">
                  <c:v>0</c:v>
                </c:pt>
                <c:pt idx="1578">
                  <c:v>0</c:v>
                </c:pt>
                <c:pt idx="1579">
                  <c:v>0</c:v>
                </c:pt>
                <c:pt idx="1580">
                  <c:v>0</c:v>
                </c:pt>
                <c:pt idx="1581">
                  <c:v>0</c:v>
                </c:pt>
                <c:pt idx="1582">
                  <c:v>0</c:v>
                </c:pt>
                <c:pt idx="1583">
                  <c:v>0</c:v>
                </c:pt>
                <c:pt idx="1584">
                  <c:v>0</c:v>
                </c:pt>
                <c:pt idx="1585">
                  <c:v>0</c:v>
                </c:pt>
                <c:pt idx="1586">
                  <c:v>0</c:v>
                </c:pt>
                <c:pt idx="1587">
                  <c:v>0</c:v>
                </c:pt>
                <c:pt idx="1588">
                  <c:v>0</c:v>
                </c:pt>
                <c:pt idx="1589">
                  <c:v>0</c:v>
                </c:pt>
                <c:pt idx="1590">
                  <c:v>0</c:v>
                </c:pt>
                <c:pt idx="1591">
                  <c:v>0</c:v>
                </c:pt>
                <c:pt idx="1592">
                  <c:v>0</c:v>
                </c:pt>
                <c:pt idx="1593">
                  <c:v>0</c:v>
                </c:pt>
                <c:pt idx="1594">
                  <c:v>0</c:v>
                </c:pt>
                <c:pt idx="1595">
                  <c:v>0</c:v>
                </c:pt>
                <c:pt idx="1596">
                  <c:v>0</c:v>
                </c:pt>
                <c:pt idx="1597">
                  <c:v>0</c:v>
                </c:pt>
                <c:pt idx="1598">
                  <c:v>0</c:v>
                </c:pt>
                <c:pt idx="1599">
                  <c:v>0</c:v>
                </c:pt>
                <c:pt idx="1600">
                  <c:v>0</c:v>
                </c:pt>
                <c:pt idx="1601">
                  <c:v>0</c:v>
                </c:pt>
                <c:pt idx="1602">
                  <c:v>0</c:v>
                </c:pt>
                <c:pt idx="1603">
                  <c:v>0</c:v>
                </c:pt>
                <c:pt idx="1604">
                  <c:v>0</c:v>
                </c:pt>
                <c:pt idx="1605">
                  <c:v>0</c:v>
                </c:pt>
                <c:pt idx="1606">
                  <c:v>0</c:v>
                </c:pt>
                <c:pt idx="1607">
                  <c:v>0</c:v>
                </c:pt>
                <c:pt idx="1608">
                  <c:v>0</c:v>
                </c:pt>
                <c:pt idx="1609">
                  <c:v>0</c:v>
                </c:pt>
                <c:pt idx="1610">
                  <c:v>0</c:v>
                </c:pt>
                <c:pt idx="1611">
                  <c:v>0</c:v>
                </c:pt>
                <c:pt idx="1612">
                  <c:v>0</c:v>
                </c:pt>
                <c:pt idx="1613">
                  <c:v>0</c:v>
                </c:pt>
                <c:pt idx="1614">
                  <c:v>0</c:v>
                </c:pt>
                <c:pt idx="1615">
                  <c:v>0</c:v>
                </c:pt>
                <c:pt idx="1616">
                  <c:v>0</c:v>
                </c:pt>
                <c:pt idx="1617">
                  <c:v>0</c:v>
                </c:pt>
                <c:pt idx="1618">
                  <c:v>0</c:v>
                </c:pt>
                <c:pt idx="1619">
                  <c:v>0</c:v>
                </c:pt>
                <c:pt idx="1620">
                  <c:v>0</c:v>
                </c:pt>
                <c:pt idx="1621">
                  <c:v>0</c:v>
                </c:pt>
                <c:pt idx="1622">
                  <c:v>0</c:v>
                </c:pt>
                <c:pt idx="1623">
                  <c:v>0</c:v>
                </c:pt>
                <c:pt idx="1624">
                  <c:v>0</c:v>
                </c:pt>
                <c:pt idx="1625">
                  <c:v>0</c:v>
                </c:pt>
                <c:pt idx="1626">
                  <c:v>0</c:v>
                </c:pt>
                <c:pt idx="1627">
                  <c:v>0</c:v>
                </c:pt>
                <c:pt idx="1628">
                  <c:v>0</c:v>
                </c:pt>
                <c:pt idx="1629">
                  <c:v>0</c:v>
                </c:pt>
                <c:pt idx="1630">
                  <c:v>0</c:v>
                </c:pt>
                <c:pt idx="1631">
                  <c:v>0</c:v>
                </c:pt>
                <c:pt idx="1632">
                  <c:v>0</c:v>
                </c:pt>
                <c:pt idx="1633">
                  <c:v>0</c:v>
                </c:pt>
                <c:pt idx="1634">
                  <c:v>0</c:v>
                </c:pt>
                <c:pt idx="1635">
                  <c:v>0</c:v>
                </c:pt>
                <c:pt idx="1636">
                  <c:v>0</c:v>
                </c:pt>
                <c:pt idx="1637">
                  <c:v>0</c:v>
                </c:pt>
                <c:pt idx="1638">
                  <c:v>0</c:v>
                </c:pt>
                <c:pt idx="1639">
                  <c:v>0</c:v>
                </c:pt>
                <c:pt idx="1640">
                  <c:v>0</c:v>
                </c:pt>
                <c:pt idx="1641">
                  <c:v>0</c:v>
                </c:pt>
                <c:pt idx="1642">
                  <c:v>0</c:v>
                </c:pt>
                <c:pt idx="1643">
                  <c:v>0</c:v>
                </c:pt>
                <c:pt idx="1644">
                  <c:v>0</c:v>
                </c:pt>
                <c:pt idx="1645">
                  <c:v>0</c:v>
                </c:pt>
                <c:pt idx="1646">
                  <c:v>0</c:v>
                </c:pt>
                <c:pt idx="1647">
                  <c:v>0</c:v>
                </c:pt>
                <c:pt idx="1648">
                  <c:v>0</c:v>
                </c:pt>
                <c:pt idx="1649">
                  <c:v>0</c:v>
                </c:pt>
                <c:pt idx="1650">
                  <c:v>0</c:v>
                </c:pt>
                <c:pt idx="1651">
                  <c:v>0</c:v>
                </c:pt>
                <c:pt idx="1652">
                  <c:v>0</c:v>
                </c:pt>
                <c:pt idx="1653">
                  <c:v>0</c:v>
                </c:pt>
                <c:pt idx="1654">
                  <c:v>0</c:v>
                </c:pt>
                <c:pt idx="1655">
                  <c:v>0</c:v>
                </c:pt>
                <c:pt idx="1656">
                  <c:v>0</c:v>
                </c:pt>
                <c:pt idx="1657">
                  <c:v>0</c:v>
                </c:pt>
                <c:pt idx="1658">
                  <c:v>0</c:v>
                </c:pt>
                <c:pt idx="1659">
                  <c:v>0</c:v>
                </c:pt>
                <c:pt idx="1660">
                  <c:v>0</c:v>
                </c:pt>
                <c:pt idx="1661">
                  <c:v>0</c:v>
                </c:pt>
                <c:pt idx="1662">
                  <c:v>0</c:v>
                </c:pt>
                <c:pt idx="1663">
                  <c:v>0</c:v>
                </c:pt>
                <c:pt idx="1664">
                  <c:v>0</c:v>
                </c:pt>
                <c:pt idx="1665">
                  <c:v>0</c:v>
                </c:pt>
                <c:pt idx="1666">
                  <c:v>0</c:v>
                </c:pt>
                <c:pt idx="1667">
                  <c:v>0</c:v>
                </c:pt>
                <c:pt idx="1668">
                  <c:v>0</c:v>
                </c:pt>
                <c:pt idx="1669">
                  <c:v>0</c:v>
                </c:pt>
                <c:pt idx="1670">
                  <c:v>0</c:v>
                </c:pt>
                <c:pt idx="1671">
                  <c:v>0</c:v>
                </c:pt>
                <c:pt idx="1672">
                  <c:v>0</c:v>
                </c:pt>
                <c:pt idx="1673">
                  <c:v>0</c:v>
                </c:pt>
                <c:pt idx="1674">
                  <c:v>0</c:v>
                </c:pt>
                <c:pt idx="1675">
                  <c:v>0</c:v>
                </c:pt>
                <c:pt idx="1676">
                  <c:v>0</c:v>
                </c:pt>
                <c:pt idx="1677">
                  <c:v>0</c:v>
                </c:pt>
                <c:pt idx="1678">
                  <c:v>0</c:v>
                </c:pt>
                <c:pt idx="1679">
                  <c:v>0</c:v>
                </c:pt>
                <c:pt idx="1680">
                  <c:v>0</c:v>
                </c:pt>
                <c:pt idx="1681">
                  <c:v>0</c:v>
                </c:pt>
                <c:pt idx="1682">
                  <c:v>0</c:v>
                </c:pt>
                <c:pt idx="1683">
                  <c:v>0</c:v>
                </c:pt>
                <c:pt idx="1684">
                  <c:v>0</c:v>
                </c:pt>
                <c:pt idx="1685">
                  <c:v>0</c:v>
                </c:pt>
                <c:pt idx="1686">
                  <c:v>0</c:v>
                </c:pt>
                <c:pt idx="1687">
                  <c:v>0</c:v>
                </c:pt>
                <c:pt idx="1688">
                  <c:v>0</c:v>
                </c:pt>
                <c:pt idx="1689">
                  <c:v>0</c:v>
                </c:pt>
                <c:pt idx="1690">
                  <c:v>0</c:v>
                </c:pt>
                <c:pt idx="1691">
                  <c:v>0</c:v>
                </c:pt>
                <c:pt idx="1692">
                  <c:v>0</c:v>
                </c:pt>
                <c:pt idx="1693">
                  <c:v>0</c:v>
                </c:pt>
                <c:pt idx="1694">
                  <c:v>0</c:v>
                </c:pt>
                <c:pt idx="1695">
                  <c:v>0</c:v>
                </c:pt>
                <c:pt idx="1696">
                  <c:v>0</c:v>
                </c:pt>
                <c:pt idx="1697">
                  <c:v>0</c:v>
                </c:pt>
                <c:pt idx="1698">
                  <c:v>0</c:v>
                </c:pt>
                <c:pt idx="1699">
                  <c:v>0</c:v>
                </c:pt>
                <c:pt idx="1700">
                  <c:v>0</c:v>
                </c:pt>
                <c:pt idx="1701">
                  <c:v>0</c:v>
                </c:pt>
                <c:pt idx="1702">
                  <c:v>0</c:v>
                </c:pt>
                <c:pt idx="1703">
                  <c:v>0</c:v>
                </c:pt>
                <c:pt idx="1704">
                  <c:v>0</c:v>
                </c:pt>
                <c:pt idx="1705">
                  <c:v>0</c:v>
                </c:pt>
                <c:pt idx="1706">
                  <c:v>0</c:v>
                </c:pt>
                <c:pt idx="1707">
                  <c:v>0</c:v>
                </c:pt>
                <c:pt idx="1708">
                  <c:v>0</c:v>
                </c:pt>
                <c:pt idx="1709">
                  <c:v>0</c:v>
                </c:pt>
                <c:pt idx="1710">
                  <c:v>0</c:v>
                </c:pt>
                <c:pt idx="1711">
                  <c:v>0</c:v>
                </c:pt>
                <c:pt idx="1712">
                  <c:v>0</c:v>
                </c:pt>
                <c:pt idx="1713">
                  <c:v>0</c:v>
                </c:pt>
                <c:pt idx="1714">
                  <c:v>0</c:v>
                </c:pt>
                <c:pt idx="1715">
                  <c:v>0</c:v>
                </c:pt>
                <c:pt idx="1716">
                  <c:v>0</c:v>
                </c:pt>
                <c:pt idx="1717">
                  <c:v>0</c:v>
                </c:pt>
                <c:pt idx="1718">
                  <c:v>0</c:v>
                </c:pt>
                <c:pt idx="1719">
                  <c:v>0</c:v>
                </c:pt>
                <c:pt idx="1720">
                  <c:v>0</c:v>
                </c:pt>
                <c:pt idx="1721">
                  <c:v>0</c:v>
                </c:pt>
                <c:pt idx="1722">
                  <c:v>0</c:v>
                </c:pt>
                <c:pt idx="1723">
                  <c:v>0</c:v>
                </c:pt>
                <c:pt idx="1724">
                  <c:v>0</c:v>
                </c:pt>
                <c:pt idx="1725">
                  <c:v>0</c:v>
                </c:pt>
                <c:pt idx="1726">
                  <c:v>0</c:v>
                </c:pt>
                <c:pt idx="1727">
                  <c:v>0</c:v>
                </c:pt>
                <c:pt idx="1728">
                  <c:v>0</c:v>
                </c:pt>
                <c:pt idx="1729">
                  <c:v>0</c:v>
                </c:pt>
                <c:pt idx="1730">
                  <c:v>0</c:v>
                </c:pt>
                <c:pt idx="1731">
                  <c:v>0</c:v>
                </c:pt>
                <c:pt idx="1732">
                  <c:v>0</c:v>
                </c:pt>
                <c:pt idx="1733">
                  <c:v>0</c:v>
                </c:pt>
                <c:pt idx="1734">
                  <c:v>0</c:v>
                </c:pt>
                <c:pt idx="1735">
                  <c:v>0</c:v>
                </c:pt>
                <c:pt idx="1736">
                  <c:v>0</c:v>
                </c:pt>
                <c:pt idx="1737">
                  <c:v>0</c:v>
                </c:pt>
                <c:pt idx="1738">
                  <c:v>0</c:v>
                </c:pt>
                <c:pt idx="1739">
                  <c:v>0</c:v>
                </c:pt>
                <c:pt idx="1740">
                  <c:v>0</c:v>
                </c:pt>
                <c:pt idx="1741">
                  <c:v>0</c:v>
                </c:pt>
                <c:pt idx="1742">
                  <c:v>0</c:v>
                </c:pt>
                <c:pt idx="1743">
                  <c:v>0</c:v>
                </c:pt>
                <c:pt idx="1744">
                  <c:v>0</c:v>
                </c:pt>
                <c:pt idx="1745">
                  <c:v>0</c:v>
                </c:pt>
                <c:pt idx="1746">
                  <c:v>0</c:v>
                </c:pt>
                <c:pt idx="1747">
                  <c:v>0</c:v>
                </c:pt>
                <c:pt idx="1748">
                  <c:v>0</c:v>
                </c:pt>
                <c:pt idx="1749">
                  <c:v>0</c:v>
                </c:pt>
                <c:pt idx="1750">
                  <c:v>0</c:v>
                </c:pt>
                <c:pt idx="1751">
                  <c:v>0</c:v>
                </c:pt>
                <c:pt idx="1752">
                  <c:v>0</c:v>
                </c:pt>
                <c:pt idx="1753">
                  <c:v>0</c:v>
                </c:pt>
                <c:pt idx="1754">
                  <c:v>0</c:v>
                </c:pt>
                <c:pt idx="1755">
                  <c:v>0</c:v>
                </c:pt>
                <c:pt idx="1756">
                  <c:v>0</c:v>
                </c:pt>
                <c:pt idx="1757">
                  <c:v>0</c:v>
                </c:pt>
                <c:pt idx="1758">
                  <c:v>0</c:v>
                </c:pt>
                <c:pt idx="1759">
                  <c:v>0</c:v>
                </c:pt>
                <c:pt idx="1760">
                  <c:v>0</c:v>
                </c:pt>
                <c:pt idx="1761">
                  <c:v>0</c:v>
                </c:pt>
                <c:pt idx="1762">
                  <c:v>0</c:v>
                </c:pt>
                <c:pt idx="1763">
                  <c:v>0</c:v>
                </c:pt>
                <c:pt idx="1764">
                  <c:v>0</c:v>
                </c:pt>
                <c:pt idx="1765">
                  <c:v>0</c:v>
                </c:pt>
                <c:pt idx="1766">
                  <c:v>0</c:v>
                </c:pt>
                <c:pt idx="1767">
                  <c:v>0</c:v>
                </c:pt>
                <c:pt idx="1768">
                  <c:v>0</c:v>
                </c:pt>
                <c:pt idx="1769">
                  <c:v>0</c:v>
                </c:pt>
                <c:pt idx="1770">
                  <c:v>0</c:v>
                </c:pt>
                <c:pt idx="1771">
                  <c:v>0</c:v>
                </c:pt>
                <c:pt idx="1772">
                  <c:v>0</c:v>
                </c:pt>
                <c:pt idx="1773">
                  <c:v>0</c:v>
                </c:pt>
                <c:pt idx="1774">
                  <c:v>0</c:v>
                </c:pt>
                <c:pt idx="1775">
                  <c:v>0</c:v>
                </c:pt>
                <c:pt idx="1776">
                  <c:v>0</c:v>
                </c:pt>
                <c:pt idx="1777">
                  <c:v>0</c:v>
                </c:pt>
                <c:pt idx="1778">
                  <c:v>0</c:v>
                </c:pt>
                <c:pt idx="1779">
                  <c:v>0</c:v>
                </c:pt>
                <c:pt idx="1780">
                  <c:v>0</c:v>
                </c:pt>
                <c:pt idx="1781">
                  <c:v>0</c:v>
                </c:pt>
                <c:pt idx="1782">
                  <c:v>0</c:v>
                </c:pt>
                <c:pt idx="1783">
                  <c:v>0</c:v>
                </c:pt>
                <c:pt idx="1784">
                  <c:v>0</c:v>
                </c:pt>
                <c:pt idx="1785">
                  <c:v>0</c:v>
                </c:pt>
                <c:pt idx="1786">
                  <c:v>0</c:v>
                </c:pt>
                <c:pt idx="1787">
                  <c:v>0</c:v>
                </c:pt>
                <c:pt idx="1788">
                  <c:v>0</c:v>
                </c:pt>
                <c:pt idx="1789">
                  <c:v>0</c:v>
                </c:pt>
                <c:pt idx="1790">
                  <c:v>0</c:v>
                </c:pt>
                <c:pt idx="1791">
                  <c:v>0</c:v>
                </c:pt>
                <c:pt idx="1792">
                  <c:v>0</c:v>
                </c:pt>
                <c:pt idx="1793">
                  <c:v>0</c:v>
                </c:pt>
                <c:pt idx="1794">
                  <c:v>0</c:v>
                </c:pt>
                <c:pt idx="1795">
                  <c:v>0</c:v>
                </c:pt>
                <c:pt idx="1796">
                  <c:v>0</c:v>
                </c:pt>
                <c:pt idx="1797">
                  <c:v>0</c:v>
                </c:pt>
                <c:pt idx="1798">
                  <c:v>0</c:v>
                </c:pt>
                <c:pt idx="1799">
                  <c:v>0</c:v>
                </c:pt>
                <c:pt idx="1800">
                  <c:v>0</c:v>
                </c:pt>
                <c:pt idx="1801">
                  <c:v>0</c:v>
                </c:pt>
                <c:pt idx="1802">
                  <c:v>0</c:v>
                </c:pt>
                <c:pt idx="1803">
                  <c:v>0</c:v>
                </c:pt>
                <c:pt idx="1804">
                  <c:v>0</c:v>
                </c:pt>
                <c:pt idx="1805">
                  <c:v>0</c:v>
                </c:pt>
                <c:pt idx="1806">
                  <c:v>0</c:v>
                </c:pt>
                <c:pt idx="1807">
                  <c:v>0</c:v>
                </c:pt>
                <c:pt idx="1808">
                  <c:v>0</c:v>
                </c:pt>
                <c:pt idx="1809">
                  <c:v>0</c:v>
                </c:pt>
                <c:pt idx="1810">
                  <c:v>0</c:v>
                </c:pt>
                <c:pt idx="1811">
                  <c:v>0</c:v>
                </c:pt>
                <c:pt idx="1812">
                  <c:v>0</c:v>
                </c:pt>
                <c:pt idx="1813">
                  <c:v>0</c:v>
                </c:pt>
                <c:pt idx="1814">
                  <c:v>0</c:v>
                </c:pt>
                <c:pt idx="1815">
                  <c:v>0</c:v>
                </c:pt>
                <c:pt idx="1816">
                  <c:v>0</c:v>
                </c:pt>
                <c:pt idx="1817">
                  <c:v>0</c:v>
                </c:pt>
                <c:pt idx="1818">
                  <c:v>0</c:v>
                </c:pt>
                <c:pt idx="1819">
                  <c:v>0</c:v>
                </c:pt>
                <c:pt idx="1820">
                  <c:v>0</c:v>
                </c:pt>
                <c:pt idx="1821">
                  <c:v>0</c:v>
                </c:pt>
                <c:pt idx="1822">
                  <c:v>0</c:v>
                </c:pt>
                <c:pt idx="1823">
                  <c:v>0</c:v>
                </c:pt>
                <c:pt idx="1824">
                  <c:v>0</c:v>
                </c:pt>
                <c:pt idx="1825">
                  <c:v>0</c:v>
                </c:pt>
                <c:pt idx="1826">
                  <c:v>0</c:v>
                </c:pt>
                <c:pt idx="1827">
                  <c:v>0</c:v>
                </c:pt>
                <c:pt idx="1828">
                  <c:v>0</c:v>
                </c:pt>
                <c:pt idx="1829">
                  <c:v>0</c:v>
                </c:pt>
                <c:pt idx="1830">
                  <c:v>0</c:v>
                </c:pt>
                <c:pt idx="1831">
                  <c:v>0</c:v>
                </c:pt>
                <c:pt idx="1832">
                  <c:v>0</c:v>
                </c:pt>
                <c:pt idx="1833">
                  <c:v>0</c:v>
                </c:pt>
                <c:pt idx="1834">
                  <c:v>0</c:v>
                </c:pt>
                <c:pt idx="1835">
                  <c:v>0</c:v>
                </c:pt>
                <c:pt idx="1836">
                  <c:v>0</c:v>
                </c:pt>
                <c:pt idx="1837">
                  <c:v>0</c:v>
                </c:pt>
                <c:pt idx="1838">
                  <c:v>0</c:v>
                </c:pt>
                <c:pt idx="1839">
                  <c:v>0</c:v>
                </c:pt>
                <c:pt idx="1840">
                  <c:v>0</c:v>
                </c:pt>
                <c:pt idx="1841">
                  <c:v>0</c:v>
                </c:pt>
                <c:pt idx="1842">
                  <c:v>0</c:v>
                </c:pt>
                <c:pt idx="1843">
                  <c:v>0</c:v>
                </c:pt>
                <c:pt idx="1844">
                  <c:v>0</c:v>
                </c:pt>
                <c:pt idx="1845">
                  <c:v>0</c:v>
                </c:pt>
                <c:pt idx="1846">
                  <c:v>0</c:v>
                </c:pt>
                <c:pt idx="1847">
                  <c:v>0</c:v>
                </c:pt>
                <c:pt idx="1848">
                  <c:v>0</c:v>
                </c:pt>
                <c:pt idx="1849">
                  <c:v>0</c:v>
                </c:pt>
                <c:pt idx="1850">
                  <c:v>0</c:v>
                </c:pt>
                <c:pt idx="1851">
                  <c:v>0</c:v>
                </c:pt>
                <c:pt idx="1852">
                  <c:v>0</c:v>
                </c:pt>
                <c:pt idx="1853">
                  <c:v>0</c:v>
                </c:pt>
                <c:pt idx="1854">
                  <c:v>0</c:v>
                </c:pt>
                <c:pt idx="1855">
                  <c:v>0</c:v>
                </c:pt>
                <c:pt idx="1856">
                  <c:v>0</c:v>
                </c:pt>
                <c:pt idx="1857">
                  <c:v>0</c:v>
                </c:pt>
                <c:pt idx="1858">
                  <c:v>0</c:v>
                </c:pt>
                <c:pt idx="1859">
                  <c:v>0</c:v>
                </c:pt>
                <c:pt idx="1860">
                  <c:v>0</c:v>
                </c:pt>
                <c:pt idx="1861">
                  <c:v>0</c:v>
                </c:pt>
                <c:pt idx="1862">
                  <c:v>0</c:v>
                </c:pt>
                <c:pt idx="1863">
                  <c:v>0</c:v>
                </c:pt>
                <c:pt idx="1864">
                  <c:v>0</c:v>
                </c:pt>
                <c:pt idx="1865">
                  <c:v>0</c:v>
                </c:pt>
                <c:pt idx="1866">
                  <c:v>0</c:v>
                </c:pt>
                <c:pt idx="1867">
                  <c:v>0</c:v>
                </c:pt>
                <c:pt idx="1868">
                  <c:v>0</c:v>
                </c:pt>
                <c:pt idx="1869">
                  <c:v>0</c:v>
                </c:pt>
                <c:pt idx="1870">
                  <c:v>0</c:v>
                </c:pt>
                <c:pt idx="1871">
                  <c:v>0</c:v>
                </c:pt>
                <c:pt idx="1872">
                  <c:v>0</c:v>
                </c:pt>
                <c:pt idx="1873">
                  <c:v>0</c:v>
                </c:pt>
                <c:pt idx="1874">
                  <c:v>0</c:v>
                </c:pt>
                <c:pt idx="1875">
                  <c:v>0</c:v>
                </c:pt>
                <c:pt idx="1876">
                  <c:v>0</c:v>
                </c:pt>
                <c:pt idx="1877">
                  <c:v>0</c:v>
                </c:pt>
                <c:pt idx="1878">
                  <c:v>0</c:v>
                </c:pt>
                <c:pt idx="1879">
                  <c:v>0</c:v>
                </c:pt>
                <c:pt idx="1880">
                  <c:v>0</c:v>
                </c:pt>
                <c:pt idx="1881">
                  <c:v>0</c:v>
                </c:pt>
                <c:pt idx="1882">
                  <c:v>0</c:v>
                </c:pt>
                <c:pt idx="1883">
                  <c:v>0</c:v>
                </c:pt>
                <c:pt idx="1884">
                  <c:v>0</c:v>
                </c:pt>
                <c:pt idx="1885">
                  <c:v>0</c:v>
                </c:pt>
                <c:pt idx="1886">
                  <c:v>0</c:v>
                </c:pt>
                <c:pt idx="1887">
                  <c:v>0</c:v>
                </c:pt>
                <c:pt idx="1888">
                  <c:v>0</c:v>
                </c:pt>
                <c:pt idx="1889">
                  <c:v>0</c:v>
                </c:pt>
                <c:pt idx="1890">
                  <c:v>0</c:v>
                </c:pt>
                <c:pt idx="1891">
                  <c:v>0</c:v>
                </c:pt>
                <c:pt idx="1892">
                  <c:v>0</c:v>
                </c:pt>
                <c:pt idx="1893">
                  <c:v>0</c:v>
                </c:pt>
                <c:pt idx="1894">
                  <c:v>0</c:v>
                </c:pt>
                <c:pt idx="1895">
                  <c:v>0</c:v>
                </c:pt>
                <c:pt idx="1896">
                  <c:v>0</c:v>
                </c:pt>
                <c:pt idx="1897">
                  <c:v>0</c:v>
                </c:pt>
                <c:pt idx="1898">
                  <c:v>0</c:v>
                </c:pt>
                <c:pt idx="1899">
                  <c:v>0</c:v>
                </c:pt>
                <c:pt idx="1900">
                  <c:v>0</c:v>
                </c:pt>
                <c:pt idx="1901">
                  <c:v>0</c:v>
                </c:pt>
                <c:pt idx="1902">
                  <c:v>0</c:v>
                </c:pt>
                <c:pt idx="1903">
                  <c:v>0</c:v>
                </c:pt>
                <c:pt idx="1904">
                  <c:v>0</c:v>
                </c:pt>
                <c:pt idx="1905">
                  <c:v>0</c:v>
                </c:pt>
                <c:pt idx="1906">
                  <c:v>0</c:v>
                </c:pt>
                <c:pt idx="1907">
                  <c:v>0</c:v>
                </c:pt>
                <c:pt idx="1908">
                  <c:v>0</c:v>
                </c:pt>
                <c:pt idx="1909">
                  <c:v>0</c:v>
                </c:pt>
                <c:pt idx="1910">
                  <c:v>0</c:v>
                </c:pt>
                <c:pt idx="1911">
                  <c:v>0</c:v>
                </c:pt>
                <c:pt idx="1912">
                  <c:v>0</c:v>
                </c:pt>
                <c:pt idx="1913">
                  <c:v>0</c:v>
                </c:pt>
                <c:pt idx="1914">
                  <c:v>0</c:v>
                </c:pt>
                <c:pt idx="1915">
                  <c:v>0</c:v>
                </c:pt>
                <c:pt idx="1916">
                  <c:v>0</c:v>
                </c:pt>
                <c:pt idx="1917">
                  <c:v>0</c:v>
                </c:pt>
                <c:pt idx="1918">
                  <c:v>0</c:v>
                </c:pt>
                <c:pt idx="1919">
                  <c:v>0</c:v>
                </c:pt>
                <c:pt idx="1920">
                  <c:v>0</c:v>
                </c:pt>
                <c:pt idx="1921">
                  <c:v>0</c:v>
                </c:pt>
                <c:pt idx="1922">
                  <c:v>0</c:v>
                </c:pt>
                <c:pt idx="1923">
                  <c:v>0</c:v>
                </c:pt>
                <c:pt idx="1924">
                  <c:v>0</c:v>
                </c:pt>
                <c:pt idx="1925">
                  <c:v>0</c:v>
                </c:pt>
                <c:pt idx="1926">
                  <c:v>0</c:v>
                </c:pt>
                <c:pt idx="1927">
                  <c:v>0</c:v>
                </c:pt>
                <c:pt idx="1928">
                  <c:v>0</c:v>
                </c:pt>
                <c:pt idx="1929">
                  <c:v>0</c:v>
                </c:pt>
                <c:pt idx="1930">
                  <c:v>0</c:v>
                </c:pt>
                <c:pt idx="1931">
                  <c:v>0</c:v>
                </c:pt>
                <c:pt idx="1932">
                  <c:v>0</c:v>
                </c:pt>
                <c:pt idx="1933">
                  <c:v>0</c:v>
                </c:pt>
                <c:pt idx="1934">
                  <c:v>0</c:v>
                </c:pt>
                <c:pt idx="1935">
                  <c:v>0</c:v>
                </c:pt>
                <c:pt idx="1936">
                  <c:v>0</c:v>
                </c:pt>
                <c:pt idx="1937">
                  <c:v>0</c:v>
                </c:pt>
                <c:pt idx="1938">
                  <c:v>0</c:v>
                </c:pt>
                <c:pt idx="1939">
                  <c:v>0</c:v>
                </c:pt>
                <c:pt idx="1940">
                  <c:v>0</c:v>
                </c:pt>
                <c:pt idx="1941">
                  <c:v>0</c:v>
                </c:pt>
                <c:pt idx="1942">
                  <c:v>0</c:v>
                </c:pt>
                <c:pt idx="1943">
                  <c:v>0</c:v>
                </c:pt>
                <c:pt idx="1944">
                  <c:v>0</c:v>
                </c:pt>
                <c:pt idx="1945">
                  <c:v>0</c:v>
                </c:pt>
                <c:pt idx="1946">
                  <c:v>0</c:v>
                </c:pt>
                <c:pt idx="1947">
                  <c:v>0</c:v>
                </c:pt>
                <c:pt idx="1948">
                  <c:v>0</c:v>
                </c:pt>
                <c:pt idx="1949">
                  <c:v>0</c:v>
                </c:pt>
                <c:pt idx="1950">
                  <c:v>0</c:v>
                </c:pt>
                <c:pt idx="1951">
                  <c:v>0</c:v>
                </c:pt>
                <c:pt idx="1952">
                  <c:v>0</c:v>
                </c:pt>
                <c:pt idx="1953">
                  <c:v>0</c:v>
                </c:pt>
                <c:pt idx="1954">
                  <c:v>0</c:v>
                </c:pt>
                <c:pt idx="1955">
                  <c:v>0</c:v>
                </c:pt>
                <c:pt idx="1956">
                  <c:v>0</c:v>
                </c:pt>
                <c:pt idx="1957">
                  <c:v>0</c:v>
                </c:pt>
                <c:pt idx="1958">
                  <c:v>0</c:v>
                </c:pt>
                <c:pt idx="1959">
                  <c:v>0</c:v>
                </c:pt>
                <c:pt idx="1960">
                  <c:v>0</c:v>
                </c:pt>
                <c:pt idx="1961">
                  <c:v>0</c:v>
                </c:pt>
                <c:pt idx="1962">
                  <c:v>0</c:v>
                </c:pt>
                <c:pt idx="1963">
                  <c:v>0</c:v>
                </c:pt>
                <c:pt idx="1964">
                  <c:v>0</c:v>
                </c:pt>
                <c:pt idx="1965">
                  <c:v>0</c:v>
                </c:pt>
                <c:pt idx="1966">
                  <c:v>0</c:v>
                </c:pt>
                <c:pt idx="1967">
                  <c:v>0</c:v>
                </c:pt>
                <c:pt idx="1968">
                  <c:v>0</c:v>
                </c:pt>
                <c:pt idx="1969">
                  <c:v>0</c:v>
                </c:pt>
                <c:pt idx="1970">
                  <c:v>0</c:v>
                </c:pt>
                <c:pt idx="1971">
                  <c:v>0</c:v>
                </c:pt>
                <c:pt idx="1972">
                  <c:v>0</c:v>
                </c:pt>
                <c:pt idx="1973">
                  <c:v>0</c:v>
                </c:pt>
                <c:pt idx="1974">
                  <c:v>0</c:v>
                </c:pt>
                <c:pt idx="1975">
                  <c:v>0</c:v>
                </c:pt>
                <c:pt idx="1976">
                  <c:v>0</c:v>
                </c:pt>
                <c:pt idx="1977">
                  <c:v>0</c:v>
                </c:pt>
                <c:pt idx="1978">
                  <c:v>0</c:v>
                </c:pt>
                <c:pt idx="1979">
                  <c:v>0</c:v>
                </c:pt>
                <c:pt idx="1980">
                  <c:v>0</c:v>
                </c:pt>
                <c:pt idx="1981">
                  <c:v>0</c:v>
                </c:pt>
                <c:pt idx="1982">
                  <c:v>0</c:v>
                </c:pt>
                <c:pt idx="1983">
                  <c:v>0</c:v>
                </c:pt>
                <c:pt idx="1984">
                  <c:v>0</c:v>
                </c:pt>
                <c:pt idx="1985">
                  <c:v>0</c:v>
                </c:pt>
                <c:pt idx="1986">
                  <c:v>0</c:v>
                </c:pt>
                <c:pt idx="1987">
                  <c:v>0</c:v>
                </c:pt>
                <c:pt idx="1988">
                  <c:v>0</c:v>
                </c:pt>
                <c:pt idx="1989">
                  <c:v>0</c:v>
                </c:pt>
                <c:pt idx="1990">
                  <c:v>0</c:v>
                </c:pt>
                <c:pt idx="1991">
                  <c:v>0</c:v>
                </c:pt>
                <c:pt idx="1992">
                  <c:v>0</c:v>
                </c:pt>
                <c:pt idx="1993">
                  <c:v>0</c:v>
                </c:pt>
                <c:pt idx="1994">
                  <c:v>0</c:v>
                </c:pt>
                <c:pt idx="1995">
                  <c:v>0</c:v>
                </c:pt>
                <c:pt idx="1996">
                  <c:v>0</c:v>
                </c:pt>
                <c:pt idx="1997">
                  <c:v>0</c:v>
                </c:pt>
                <c:pt idx="1998">
                  <c:v>0</c:v>
                </c:pt>
                <c:pt idx="1999">
                  <c:v>0</c:v>
                </c:pt>
                <c:pt idx="2000">
                  <c:v>0</c:v>
                </c:pt>
                <c:pt idx="2001">
                  <c:v>0</c:v>
                </c:pt>
                <c:pt idx="2002">
                  <c:v>0</c:v>
                </c:pt>
                <c:pt idx="2003">
                  <c:v>0</c:v>
                </c:pt>
                <c:pt idx="2004">
                  <c:v>0</c:v>
                </c:pt>
                <c:pt idx="2005">
                  <c:v>0</c:v>
                </c:pt>
                <c:pt idx="2006">
                  <c:v>0</c:v>
                </c:pt>
                <c:pt idx="2007">
                  <c:v>0</c:v>
                </c:pt>
                <c:pt idx="2008">
                  <c:v>0</c:v>
                </c:pt>
                <c:pt idx="2009">
                  <c:v>0</c:v>
                </c:pt>
                <c:pt idx="2010">
                  <c:v>0</c:v>
                </c:pt>
                <c:pt idx="2011">
                  <c:v>0</c:v>
                </c:pt>
                <c:pt idx="2012">
                  <c:v>0</c:v>
                </c:pt>
                <c:pt idx="2013">
                  <c:v>0</c:v>
                </c:pt>
                <c:pt idx="2014">
                  <c:v>0</c:v>
                </c:pt>
                <c:pt idx="2015">
                  <c:v>0</c:v>
                </c:pt>
                <c:pt idx="2016">
                  <c:v>0</c:v>
                </c:pt>
                <c:pt idx="2017">
                  <c:v>0</c:v>
                </c:pt>
                <c:pt idx="2018">
                  <c:v>0</c:v>
                </c:pt>
                <c:pt idx="2019">
                  <c:v>0</c:v>
                </c:pt>
                <c:pt idx="2020">
                  <c:v>0</c:v>
                </c:pt>
                <c:pt idx="2021">
                  <c:v>0</c:v>
                </c:pt>
                <c:pt idx="2022">
                  <c:v>0</c:v>
                </c:pt>
                <c:pt idx="2023">
                  <c:v>0</c:v>
                </c:pt>
                <c:pt idx="2024">
                  <c:v>0</c:v>
                </c:pt>
                <c:pt idx="2025">
                  <c:v>0</c:v>
                </c:pt>
                <c:pt idx="2026">
                  <c:v>0</c:v>
                </c:pt>
                <c:pt idx="2027">
                  <c:v>0</c:v>
                </c:pt>
                <c:pt idx="2028">
                  <c:v>0</c:v>
                </c:pt>
                <c:pt idx="2029">
                  <c:v>0</c:v>
                </c:pt>
                <c:pt idx="2030">
                  <c:v>0</c:v>
                </c:pt>
                <c:pt idx="2031">
                  <c:v>0</c:v>
                </c:pt>
                <c:pt idx="2032">
                  <c:v>0</c:v>
                </c:pt>
                <c:pt idx="2033">
                  <c:v>0</c:v>
                </c:pt>
                <c:pt idx="2034">
                  <c:v>0</c:v>
                </c:pt>
                <c:pt idx="2035">
                  <c:v>0</c:v>
                </c:pt>
                <c:pt idx="2036">
                  <c:v>0</c:v>
                </c:pt>
                <c:pt idx="2037">
                  <c:v>0</c:v>
                </c:pt>
                <c:pt idx="2038">
                  <c:v>0</c:v>
                </c:pt>
                <c:pt idx="2039">
                  <c:v>0</c:v>
                </c:pt>
                <c:pt idx="2040">
                  <c:v>0</c:v>
                </c:pt>
                <c:pt idx="2041">
                  <c:v>0</c:v>
                </c:pt>
                <c:pt idx="2042">
                  <c:v>0</c:v>
                </c:pt>
                <c:pt idx="2043">
                  <c:v>0</c:v>
                </c:pt>
                <c:pt idx="2044">
                  <c:v>0</c:v>
                </c:pt>
                <c:pt idx="2045">
                  <c:v>0</c:v>
                </c:pt>
                <c:pt idx="2046">
                  <c:v>0</c:v>
                </c:pt>
                <c:pt idx="2047">
                  <c:v>0</c:v>
                </c:pt>
                <c:pt idx="2048">
                  <c:v>0</c:v>
                </c:pt>
                <c:pt idx="2049">
                  <c:v>0</c:v>
                </c:pt>
                <c:pt idx="2050">
                  <c:v>0</c:v>
                </c:pt>
                <c:pt idx="2051">
                  <c:v>0</c:v>
                </c:pt>
                <c:pt idx="2052">
                  <c:v>0</c:v>
                </c:pt>
                <c:pt idx="2053">
                  <c:v>0</c:v>
                </c:pt>
                <c:pt idx="2054">
                  <c:v>0</c:v>
                </c:pt>
                <c:pt idx="2055">
                  <c:v>0</c:v>
                </c:pt>
                <c:pt idx="2056">
                  <c:v>0</c:v>
                </c:pt>
                <c:pt idx="2057">
                  <c:v>0</c:v>
                </c:pt>
                <c:pt idx="2058">
                  <c:v>0</c:v>
                </c:pt>
                <c:pt idx="2059">
                  <c:v>0</c:v>
                </c:pt>
                <c:pt idx="2060">
                  <c:v>0</c:v>
                </c:pt>
                <c:pt idx="2061">
                  <c:v>0</c:v>
                </c:pt>
                <c:pt idx="2062">
                  <c:v>0</c:v>
                </c:pt>
                <c:pt idx="2063">
                  <c:v>0</c:v>
                </c:pt>
                <c:pt idx="2064">
                  <c:v>0</c:v>
                </c:pt>
                <c:pt idx="2065">
                  <c:v>0</c:v>
                </c:pt>
                <c:pt idx="2066">
                  <c:v>0</c:v>
                </c:pt>
                <c:pt idx="2067">
                  <c:v>0</c:v>
                </c:pt>
                <c:pt idx="2068">
                  <c:v>0</c:v>
                </c:pt>
                <c:pt idx="2069">
                  <c:v>0</c:v>
                </c:pt>
                <c:pt idx="2070">
                  <c:v>0</c:v>
                </c:pt>
                <c:pt idx="2071">
                  <c:v>0</c:v>
                </c:pt>
                <c:pt idx="2072">
                  <c:v>0</c:v>
                </c:pt>
                <c:pt idx="2073">
                  <c:v>0</c:v>
                </c:pt>
                <c:pt idx="2074">
                  <c:v>0</c:v>
                </c:pt>
                <c:pt idx="2075">
                  <c:v>0</c:v>
                </c:pt>
                <c:pt idx="2076">
                  <c:v>0</c:v>
                </c:pt>
                <c:pt idx="2077">
                  <c:v>0</c:v>
                </c:pt>
                <c:pt idx="2078">
                  <c:v>0</c:v>
                </c:pt>
                <c:pt idx="2079">
                  <c:v>0</c:v>
                </c:pt>
                <c:pt idx="2080">
                  <c:v>0</c:v>
                </c:pt>
                <c:pt idx="2081">
                  <c:v>0</c:v>
                </c:pt>
                <c:pt idx="2082">
                  <c:v>0</c:v>
                </c:pt>
                <c:pt idx="2083">
                  <c:v>0</c:v>
                </c:pt>
                <c:pt idx="2084">
                  <c:v>0</c:v>
                </c:pt>
                <c:pt idx="2085">
                  <c:v>0</c:v>
                </c:pt>
                <c:pt idx="2086">
                  <c:v>0</c:v>
                </c:pt>
                <c:pt idx="2087">
                  <c:v>0</c:v>
                </c:pt>
                <c:pt idx="2088">
                  <c:v>0</c:v>
                </c:pt>
                <c:pt idx="2089">
                  <c:v>0</c:v>
                </c:pt>
                <c:pt idx="2090">
                  <c:v>0</c:v>
                </c:pt>
                <c:pt idx="2091">
                  <c:v>0</c:v>
                </c:pt>
                <c:pt idx="2092">
                  <c:v>0</c:v>
                </c:pt>
                <c:pt idx="2093">
                  <c:v>0</c:v>
                </c:pt>
                <c:pt idx="2094">
                  <c:v>0</c:v>
                </c:pt>
                <c:pt idx="2095">
                  <c:v>0</c:v>
                </c:pt>
                <c:pt idx="2096">
                  <c:v>0</c:v>
                </c:pt>
                <c:pt idx="2097">
                  <c:v>0</c:v>
                </c:pt>
                <c:pt idx="2098">
                  <c:v>0</c:v>
                </c:pt>
                <c:pt idx="2099">
                  <c:v>0</c:v>
                </c:pt>
                <c:pt idx="2100">
                  <c:v>0</c:v>
                </c:pt>
                <c:pt idx="2101">
                  <c:v>0</c:v>
                </c:pt>
                <c:pt idx="2102">
                  <c:v>0</c:v>
                </c:pt>
                <c:pt idx="2103">
                  <c:v>0</c:v>
                </c:pt>
                <c:pt idx="2104">
                  <c:v>0</c:v>
                </c:pt>
                <c:pt idx="2105">
                  <c:v>0</c:v>
                </c:pt>
                <c:pt idx="2106">
                  <c:v>0</c:v>
                </c:pt>
                <c:pt idx="2107">
                  <c:v>0</c:v>
                </c:pt>
                <c:pt idx="2108">
                  <c:v>0</c:v>
                </c:pt>
                <c:pt idx="2109">
                  <c:v>0</c:v>
                </c:pt>
                <c:pt idx="2110">
                  <c:v>0</c:v>
                </c:pt>
                <c:pt idx="2111">
                  <c:v>0</c:v>
                </c:pt>
                <c:pt idx="2112">
                  <c:v>0</c:v>
                </c:pt>
                <c:pt idx="2113">
                  <c:v>0</c:v>
                </c:pt>
                <c:pt idx="2114">
                  <c:v>0</c:v>
                </c:pt>
                <c:pt idx="2115">
                  <c:v>0</c:v>
                </c:pt>
                <c:pt idx="2116">
                  <c:v>0</c:v>
                </c:pt>
                <c:pt idx="2117">
                  <c:v>0</c:v>
                </c:pt>
                <c:pt idx="2118">
                  <c:v>0</c:v>
                </c:pt>
                <c:pt idx="2119">
                  <c:v>0</c:v>
                </c:pt>
                <c:pt idx="2120">
                  <c:v>0</c:v>
                </c:pt>
                <c:pt idx="2121">
                  <c:v>0</c:v>
                </c:pt>
                <c:pt idx="2122">
                  <c:v>0</c:v>
                </c:pt>
                <c:pt idx="2123">
                  <c:v>0</c:v>
                </c:pt>
                <c:pt idx="2124">
                  <c:v>0</c:v>
                </c:pt>
                <c:pt idx="2125">
                  <c:v>0</c:v>
                </c:pt>
                <c:pt idx="2126">
                  <c:v>0</c:v>
                </c:pt>
                <c:pt idx="2127">
                  <c:v>0</c:v>
                </c:pt>
                <c:pt idx="2128">
                  <c:v>0</c:v>
                </c:pt>
                <c:pt idx="2129">
                  <c:v>0</c:v>
                </c:pt>
                <c:pt idx="2130">
                  <c:v>0</c:v>
                </c:pt>
                <c:pt idx="2131">
                  <c:v>0</c:v>
                </c:pt>
                <c:pt idx="2132">
                  <c:v>0</c:v>
                </c:pt>
                <c:pt idx="2133">
                  <c:v>0</c:v>
                </c:pt>
                <c:pt idx="2134">
                  <c:v>0</c:v>
                </c:pt>
                <c:pt idx="2135">
                  <c:v>0</c:v>
                </c:pt>
                <c:pt idx="2136">
                  <c:v>0</c:v>
                </c:pt>
                <c:pt idx="2137">
                  <c:v>0</c:v>
                </c:pt>
                <c:pt idx="2138">
                  <c:v>0</c:v>
                </c:pt>
                <c:pt idx="2139">
                  <c:v>0</c:v>
                </c:pt>
                <c:pt idx="2140">
                  <c:v>0</c:v>
                </c:pt>
                <c:pt idx="2141">
                  <c:v>0</c:v>
                </c:pt>
                <c:pt idx="2142">
                  <c:v>0</c:v>
                </c:pt>
                <c:pt idx="2143">
                  <c:v>0</c:v>
                </c:pt>
                <c:pt idx="2144">
                  <c:v>0</c:v>
                </c:pt>
                <c:pt idx="2145">
                  <c:v>0</c:v>
                </c:pt>
                <c:pt idx="2146">
                  <c:v>0</c:v>
                </c:pt>
                <c:pt idx="2147">
                  <c:v>0</c:v>
                </c:pt>
                <c:pt idx="2148">
                  <c:v>0</c:v>
                </c:pt>
                <c:pt idx="2149">
                  <c:v>0</c:v>
                </c:pt>
                <c:pt idx="2150">
                  <c:v>0</c:v>
                </c:pt>
                <c:pt idx="2151">
                  <c:v>0</c:v>
                </c:pt>
                <c:pt idx="2152">
                  <c:v>0</c:v>
                </c:pt>
                <c:pt idx="2153">
                  <c:v>0</c:v>
                </c:pt>
                <c:pt idx="2154">
                  <c:v>0</c:v>
                </c:pt>
                <c:pt idx="2155">
                  <c:v>0</c:v>
                </c:pt>
                <c:pt idx="2156">
                  <c:v>0</c:v>
                </c:pt>
                <c:pt idx="2157">
                  <c:v>0</c:v>
                </c:pt>
                <c:pt idx="2158">
                  <c:v>0</c:v>
                </c:pt>
                <c:pt idx="2159">
                  <c:v>0</c:v>
                </c:pt>
                <c:pt idx="2160">
                  <c:v>0</c:v>
                </c:pt>
                <c:pt idx="2161">
                  <c:v>0</c:v>
                </c:pt>
                <c:pt idx="2162">
                  <c:v>0</c:v>
                </c:pt>
                <c:pt idx="2163">
                  <c:v>0</c:v>
                </c:pt>
                <c:pt idx="2164">
                  <c:v>0</c:v>
                </c:pt>
                <c:pt idx="2165">
                  <c:v>0</c:v>
                </c:pt>
                <c:pt idx="2166">
                  <c:v>0</c:v>
                </c:pt>
                <c:pt idx="2167">
                  <c:v>0</c:v>
                </c:pt>
                <c:pt idx="2168">
                  <c:v>0</c:v>
                </c:pt>
                <c:pt idx="2169">
                  <c:v>0</c:v>
                </c:pt>
                <c:pt idx="2170">
                  <c:v>0</c:v>
                </c:pt>
                <c:pt idx="2171">
                  <c:v>0</c:v>
                </c:pt>
                <c:pt idx="2172">
                  <c:v>0</c:v>
                </c:pt>
                <c:pt idx="2173">
                  <c:v>0</c:v>
                </c:pt>
                <c:pt idx="2174">
                  <c:v>0</c:v>
                </c:pt>
                <c:pt idx="2175">
                  <c:v>0</c:v>
                </c:pt>
                <c:pt idx="2176">
                  <c:v>0</c:v>
                </c:pt>
                <c:pt idx="2177">
                  <c:v>0</c:v>
                </c:pt>
                <c:pt idx="2178">
                  <c:v>0</c:v>
                </c:pt>
                <c:pt idx="2179">
                  <c:v>0</c:v>
                </c:pt>
                <c:pt idx="2180">
                  <c:v>0</c:v>
                </c:pt>
                <c:pt idx="2181">
                  <c:v>0</c:v>
                </c:pt>
                <c:pt idx="2182">
                  <c:v>0</c:v>
                </c:pt>
                <c:pt idx="2183">
                  <c:v>0</c:v>
                </c:pt>
                <c:pt idx="2184">
                  <c:v>0</c:v>
                </c:pt>
                <c:pt idx="2185">
                  <c:v>0</c:v>
                </c:pt>
                <c:pt idx="2186">
                  <c:v>0</c:v>
                </c:pt>
                <c:pt idx="2187">
                  <c:v>0</c:v>
                </c:pt>
                <c:pt idx="2188">
                  <c:v>0</c:v>
                </c:pt>
                <c:pt idx="2189">
                  <c:v>0</c:v>
                </c:pt>
                <c:pt idx="2190">
                  <c:v>0</c:v>
                </c:pt>
                <c:pt idx="2191">
                  <c:v>0</c:v>
                </c:pt>
                <c:pt idx="2192">
                  <c:v>0</c:v>
                </c:pt>
                <c:pt idx="2193">
                  <c:v>0</c:v>
                </c:pt>
                <c:pt idx="2194">
                  <c:v>0</c:v>
                </c:pt>
                <c:pt idx="2195">
                  <c:v>0</c:v>
                </c:pt>
                <c:pt idx="2196">
                  <c:v>0</c:v>
                </c:pt>
                <c:pt idx="2197">
                  <c:v>0</c:v>
                </c:pt>
                <c:pt idx="2198">
                  <c:v>0</c:v>
                </c:pt>
                <c:pt idx="2199">
                  <c:v>0</c:v>
                </c:pt>
                <c:pt idx="2200">
                  <c:v>0</c:v>
                </c:pt>
                <c:pt idx="2201">
                  <c:v>0</c:v>
                </c:pt>
                <c:pt idx="2202">
                  <c:v>0</c:v>
                </c:pt>
                <c:pt idx="2203">
                  <c:v>0</c:v>
                </c:pt>
                <c:pt idx="2204">
                  <c:v>0</c:v>
                </c:pt>
                <c:pt idx="2205">
                  <c:v>0</c:v>
                </c:pt>
                <c:pt idx="2206">
                  <c:v>0</c:v>
                </c:pt>
                <c:pt idx="2207">
                  <c:v>0</c:v>
                </c:pt>
                <c:pt idx="2208">
                  <c:v>0</c:v>
                </c:pt>
                <c:pt idx="2209">
                  <c:v>0</c:v>
                </c:pt>
                <c:pt idx="2210">
                  <c:v>0</c:v>
                </c:pt>
                <c:pt idx="2211">
                  <c:v>0</c:v>
                </c:pt>
                <c:pt idx="2212">
                  <c:v>0</c:v>
                </c:pt>
                <c:pt idx="2213">
                  <c:v>0</c:v>
                </c:pt>
                <c:pt idx="2214">
                  <c:v>0</c:v>
                </c:pt>
                <c:pt idx="2215">
                  <c:v>0</c:v>
                </c:pt>
                <c:pt idx="2216">
                  <c:v>0</c:v>
                </c:pt>
                <c:pt idx="2217">
                  <c:v>0</c:v>
                </c:pt>
                <c:pt idx="2218">
                  <c:v>0</c:v>
                </c:pt>
                <c:pt idx="2219">
                  <c:v>0</c:v>
                </c:pt>
                <c:pt idx="2220">
                  <c:v>0</c:v>
                </c:pt>
                <c:pt idx="2221">
                  <c:v>0</c:v>
                </c:pt>
                <c:pt idx="2222">
                  <c:v>0</c:v>
                </c:pt>
                <c:pt idx="2223">
                  <c:v>0</c:v>
                </c:pt>
                <c:pt idx="2224">
                  <c:v>0</c:v>
                </c:pt>
                <c:pt idx="2225">
                  <c:v>0</c:v>
                </c:pt>
                <c:pt idx="2226">
                  <c:v>0</c:v>
                </c:pt>
                <c:pt idx="2227">
                  <c:v>0</c:v>
                </c:pt>
                <c:pt idx="2228">
                  <c:v>0</c:v>
                </c:pt>
                <c:pt idx="2229">
                  <c:v>0</c:v>
                </c:pt>
                <c:pt idx="2230">
                  <c:v>0</c:v>
                </c:pt>
                <c:pt idx="2231">
                  <c:v>0</c:v>
                </c:pt>
                <c:pt idx="2232">
                  <c:v>0</c:v>
                </c:pt>
                <c:pt idx="2233">
                  <c:v>0</c:v>
                </c:pt>
                <c:pt idx="2234">
                  <c:v>0</c:v>
                </c:pt>
                <c:pt idx="2235">
                  <c:v>0</c:v>
                </c:pt>
                <c:pt idx="2236">
                  <c:v>0</c:v>
                </c:pt>
                <c:pt idx="2237">
                  <c:v>0</c:v>
                </c:pt>
                <c:pt idx="2238">
                  <c:v>0</c:v>
                </c:pt>
                <c:pt idx="2239">
                  <c:v>0</c:v>
                </c:pt>
                <c:pt idx="2240">
                  <c:v>0</c:v>
                </c:pt>
                <c:pt idx="2241">
                  <c:v>0</c:v>
                </c:pt>
                <c:pt idx="2242">
                  <c:v>0</c:v>
                </c:pt>
                <c:pt idx="2243">
                  <c:v>0</c:v>
                </c:pt>
                <c:pt idx="2244">
                  <c:v>0</c:v>
                </c:pt>
                <c:pt idx="2245">
                  <c:v>0</c:v>
                </c:pt>
                <c:pt idx="2246">
                  <c:v>0</c:v>
                </c:pt>
                <c:pt idx="2247">
                  <c:v>0</c:v>
                </c:pt>
                <c:pt idx="2248">
                  <c:v>0</c:v>
                </c:pt>
                <c:pt idx="2249">
                  <c:v>0</c:v>
                </c:pt>
                <c:pt idx="2250">
                  <c:v>0</c:v>
                </c:pt>
                <c:pt idx="2251">
                  <c:v>0</c:v>
                </c:pt>
                <c:pt idx="2252">
                  <c:v>0</c:v>
                </c:pt>
                <c:pt idx="2253">
                  <c:v>0</c:v>
                </c:pt>
                <c:pt idx="2254">
                  <c:v>0</c:v>
                </c:pt>
                <c:pt idx="2255">
                  <c:v>0</c:v>
                </c:pt>
                <c:pt idx="2256">
                  <c:v>0</c:v>
                </c:pt>
                <c:pt idx="2257">
                  <c:v>0</c:v>
                </c:pt>
                <c:pt idx="2258">
                  <c:v>0</c:v>
                </c:pt>
                <c:pt idx="2259">
                  <c:v>0</c:v>
                </c:pt>
                <c:pt idx="2260">
                  <c:v>0</c:v>
                </c:pt>
                <c:pt idx="2261">
                  <c:v>0</c:v>
                </c:pt>
                <c:pt idx="2262">
                  <c:v>0</c:v>
                </c:pt>
                <c:pt idx="2263">
                  <c:v>0</c:v>
                </c:pt>
                <c:pt idx="2264">
                  <c:v>0</c:v>
                </c:pt>
                <c:pt idx="2265">
                  <c:v>0</c:v>
                </c:pt>
                <c:pt idx="2266">
                  <c:v>0</c:v>
                </c:pt>
                <c:pt idx="2267">
                  <c:v>0</c:v>
                </c:pt>
                <c:pt idx="2268">
                  <c:v>0</c:v>
                </c:pt>
                <c:pt idx="2269">
                  <c:v>0</c:v>
                </c:pt>
                <c:pt idx="2270">
                  <c:v>0</c:v>
                </c:pt>
                <c:pt idx="2271">
                  <c:v>0</c:v>
                </c:pt>
                <c:pt idx="2272">
                  <c:v>0</c:v>
                </c:pt>
                <c:pt idx="2273">
                  <c:v>0</c:v>
                </c:pt>
                <c:pt idx="2274">
                  <c:v>0</c:v>
                </c:pt>
                <c:pt idx="2275">
                  <c:v>0</c:v>
                </c:pt>
                <c:pt idx="2276">
                  <c:v>0</c:v>
                </c:pt>
                <c:pt idx="2277">
                  <c:v>0</c:v>
                </c:pt>
                <c:pt idx="2278">
                  <c:v>0</c:v>
                </c:pt>
                <c:pt idx="2279">
                  <c:v>0</c:v>
                </c:pt>
                <c:pt idx="2280">
                  <c:v>0</c:v>
                </c:pt>
                <c:pt idx="2281">
                  <c:v>0</c:v>
                </c:pt>
                <c:pt idx="2282">
                  <c:v>0</c:v>
                </c:pt>
                <c:pt idx="2283">
                  <c:v>0</c:v>
                </c:pt>
                <c:pt idx="2284">
                  <c:v>0</c:v>
                </c:pt>
                <c:pt idx="2285">
                  <c:v>0</c:v>
                </c:pt>
                <c:pt idx="2286">
                  <c:v>0</c:v>
                </c:pt>
                <c:pt idx="2287">
                  <c:v>0</c:v>
                </c:pt>
                <c:pt idx="2288">
                  <c:v>0</c:v>
                </c:pt>
                <c:pt idx="2289">
                  <c:v>0</c:v>
                </c:pt>
                <c:pt idx="2290">
                  <c:v>0</c:v>
                </c:pt>
                <c:pt idx="2291">
                  <c:v>0</c:v>
                </c:pt>
                <c:pt idx="2292">
                  <c:v>0</c:v>
                </c:pt>
                <c:pt idx="2293">
                  <c:v>0</c:v>
                </c:pt>
                <c:pt idx="2294">
                  <c:v>0</c:v>
                </c:pt>
                <c:pt idx="2295">
                  <c:v>0</c:v>
                </c:pt>
                <c:pt idx="2296">
                  <c:v>0</c:v>
                </c:pt>
                <c:pt idx="2297">
                  <c:v>0</c:v>
                </c:pt>
                <c:pt idx="2298">
                  <c:v>0</c:v>
                </c:pt>
                <c:pt idx="2299">
                  <c:v>0</c:v>
                </c:pt>
                <c:pt idx="2300">
                  <c:v>0</c:v>
                </c:pt>
                <c:pt idx="2301">
                  <c:v>0</c:v>
                </c:pt>
                <c:pt idx="2302">
                  <c:v>0</c:v>
                </c:pt>
                <c:pt idx="2303">
                  <c:v>0</c:v>
                </c:pt>
                <c:pt idx="2304">
                  <c:v>0</c:v>
                </c:pt>
                <c:pt idx="2305">
                  <c:v>0</c:v>
                </c:pt>
                <c:pt idx="2306">
                  <c:v>0</c:v>
                </c:pt>
                <c:pt idx="2307">
                  <c:v>0</c:v>
                </c:pt>
                <c:pt idx="2308">
                  <c:v>0</c:v>
                </c:pt>
                <c:pt idx="2309">
                  <c:v>0</c:v>
                </c:pt>
                <c:pt idx="2310">
                  <c:v>0</c:v>
                </c:pt>
                <c:pt idx="2311">
                  <c:v>0</c:v>
                </c:pt>
                <c:pt idx="2312">
                  <c:v>0</c:v>
                </c:pt>
                <c:pt idx="2313">
                  <c:v>0</c:v>
                </c:pt>
                <c:pt idx="2314">
                  <c:v>0</c:v>
                </c:pt>
                <c:pt idx="2315">
                  <c:v>0</c:v>
                </c:pt>
                <c:pt idx="2316">
                  <c:v>0</c:v>
                </c:pt>
                <c:pt idx="2317">
                  <c:v>0</c:v>
                </c:pt>
                <c:pt idx="2318">
                  <c:v>0</c:v>
                </c:pt>
                <c:pt idx="2319">
                  <c:v>0</c:v>
                </c:pt>
                <c:pt idx="2320">
                  <c:v>0</c:v>
                </c:pt>
                <c:pt idx="2321">
                  <c:v>0</c:v>
                </c:pt>
                <c:pt idx="2322">
                  <c:v>0</c:v>
                </c:pt>
                <c:pt idx="2323">
                  <c:v>0</c:v>
                </c:pt>
                <c:pt idx="2324">
                  <c:v>0</c:v>
                </c:pt>
                <c:pt idx="2325">
                  <c:v>0</c:v>
                </c:pt>
                <c:pt idx="2326">
                  <c:v>0</c:v>
                </c:pt>
                <c:pt idx="2327">
                  <c:v>0</c:v>
                </c:pt>
                <c:pt idx="2328">
                  <c:v>0</c:v>
                </c:pt>
                <c:pt idx="2329">
                  <c:v>0</c:v>
                </c:pt>
                <c:pt idx="2330">
                  <c:v>0</c:v>
                </c:pt>
                <c:pt idx="2331">
                  <c:v>0</c:v>
                </c:pt>
                <c:pt idx="2332">
                  <c:v>0</c:v>
                </c:pt>
                <c:pt idx="2333">
                  <c:v>0</c:v>
                </c:pt>
                <c:pt idx="2334">
                  <c:v>0</c:v>
                </c:pt>
                <c:pt idx="2335">
                  <c:v>0</c:v>
                </c:pt>
                <c:pt idx="2336">
                  <c:v>0</c:v>
                </c:pt>
                <c:pt idx="2337">
                  <c:v>0</c:v>
                </c:pt>
                <c:pt idx="2338">
                  <c:v>0</c:v>
                </c:pt>
                <c:pt idx="2339">
                  <c:v>0</c:v>
                </c:pt>
                <c:pt idx="2340">
                  <c:v>0</c:v>
                </c:pt>
                <c:pt idx="2341">
                  <c:v>0</c:v>
                </c:pt>
                <c:pt idx="2342">
                  <c:v>0</c:v>
                </c:pt>
                <c:pt idx="2343">
                  <c:v>0</c:v>
                </c:pt>
                <c:pt idx="2344">
                  <c:v>0</c:v>
                </c:pt>
                <c:pt idx="2345">
                  <c:v>3.5972660761503295E-2</c:v>
                </c:pt>
                <c:pt idx="2346">
                  <c:v>-0.1044391265287492</c:v>
                </c:pt>
                <c:pt idx="2347">
                  <c:v>-9.4500833857836919E-2</c:v>
                </c:pt>
                <c:pt idx="2348">
                  <c:v>8.9964116757329293E-2</c:v>
                </c:pt>
                <c:pt idx="2349">
                  <c:v>0.34695034563028282</c:v>
                </c:pt>
                <c:pt idx="2350">
                  <c:v>-2.1852596835918781E-2</c:v>
                </c:pt>
                <c:pt idx="2351">
                  <c:v>-3.941653821433222E-2</c:v>
                </c:pt>
                <c:pt idx="2352">
                  <c:v>-5.0349420492212915E-2</c:v>
                </c:pt>
                <c:pt idx="2353">
                  <c:v>-5.4521623632499683E-2</c:v>
                </c:pt>
                <c:pt idx="2354">
                  <c:v>-7.0857868883126063E-2</c:v>
                </c:pt>
                <c:pt idx="2355">
                  <c:v>-0.12607413175756854</c:v>
                </c:pt>
                <c:pt idx="2356">
                  <c:v>-6.5342506322075944E-2</c:v>
                </c:pt>
                <c:pt idx="2357">
                  <c:v>-0.14694087024549218</c:v>
                </c:pt>
                <c:pt idx="2358">
                  <c:v>3.0321414456188189E-2</c:v>
                </c:pt>
                <c:pt idx="2359">
                  <c:v>0.17663860462605019</c:v>
                </c:pt>
                <c:pt idx="2360">
                  <c:v>0.13956767923973179</c:v>
                </c:pt>
                <c:pt idx="2361">
                  <c:v>6.4676683667805435E-2</c:v>
                </c:pt>
                <c:pt idx="2362">
                  <c:v>7.9805731840377536E-2</c:v>
                </c:pt>
                <c:pt idx="2363">
                  <c:v>9.1486256127305765E-2</c:v>
                </c:pt>
                <c:pt idx="2364">
                  <c:v>-8.9138815026301388E-2</c:v>
                </c:pt>
                <c:pt idx="2365">
                  <c:v>-6.6292725166335775E-2</c:v>
                </c:pt>
                <c:pt idx="2366">
                  <c:v>-4.1485965092152521E-2</c:v>
                </c:pt>
                <c:pt idx="2367">
                  <c:v>0.12759169318808306</c:v>
                </c:pt>
                <c:pt idx="2368">
                  <c:v>0.28929852145533086</c:v>
                </c:pt>
                <c:pt idx="2369">
                  <c:v>0.14684271702596541</c:v>
                </c:pt>
                <c:pt idx="2370">
                  <c:v>8.3938805610118905E-2</c:v>
                </c:pt>
                <c:pt idx="2371">
                  <c:v>2.6865238401991509E-2</c:v>
                </c:pt>
                <c:pt idx="2372">
                  <c:v>-1.7056085033209434E-2</c:v>
                </c:pt>
                <c:pt idx="2373">
                  <c:v>-7.6184670065332361E-3</c:v>
                </c:pt>
                <c:pt idx="2374">
                  <c:v>1.2511712900433736E-3</c:v>
                </c:pt>
                <c:pt idx="2375">
                  <c:v>-3.3132576173194539E-2</c:v>
                </c:pt>
                <c:pt idx="2376">
                  <c:v>2.194410758365728E-2</c:v>
                </c:pt>
                <c:pt idx="2377">
                  <c:v>-2.6756338803726187E-2</c:v>
                </c:pt>
                <c:pt idx="2378">
                  <c:v>1.1824149794350647E-2</c:v>
                </c:pt>
                <c:pt idx="2379">
                  <c:v>1.4611770045579453E-3</c:v>
                </c:pt>
                <c:pt idx="2380">
                  <c:v>0.24614593876126312</c:v>
                </c:pt>
                <c:pt idx="2381">
                  <c:v>1.4635595230999332E-2</c:v>
                </c:pt>
                <c:pt idx="2382">
                  <c:v>4.6281107205482175E-2</c:v>
                </c:pt>
                <c:pt idx="2383">
                  <c:v>4.1856376807821949E-2</c:v>
                </c:pt>
                <c:pt idx="2384">
                  <c:v>3.3739802874415914E-2</c:v>
                </c:pt>
                <c:pt idx="2385">
                  <c:v>0.12080357425576194</c:v>
                </c:pt>
                <c:pt idx="2386">
                  <c:v>6.9091484371449741E-2</c:v>
                </c:pt>
                <c:pt idx="2387">
                  <c:v>-4.9385797691013256E-2</c:v>
                </c:pt>
                <c:pt idx="2388">
                  <c:v>-4.0657021015295114E-2</c:v>
                </c:pt>
                <c:pt idx="2389">
                  <c:v>-9.6349407353190974E-2</c:v>
                </c:pt>
                <c:pt idx="2390">
                  <c:v>-0.10144026053401056</c:v>
                </c:pt>
                <c:pt idx="2391">
                  <c:v>-8.9424623369722678E-2</c:v>
                </c:pt>
                <c:pt idx="2392">
                  <c:v>-8.1549509981518109E-2</c:v>
                </c:pt>
                <c:pt idx="2393">
                  <c:v>-5.5951108681477457E-2</c:v>
                </c:pt>
                <c:pt idx="2394">
                  <c:v>-0.10809047509212488</c:v>
                </c:pt>
                <c:pt idx="2395">
                  <c:v>-7.2328696407069293E-2</c:v>
                </c:pt>
                <c:pt idx="2396">
                  <c:v>-0.1051311584082345</c:v>
                </c:pt>
                <c:pt idx="2397">
                  <c:v>-8.7448612717917262E-2</c:v>
                </c:pt>
                <c:pt idx="2398">
                  <c:v>-7.6505450510253037E-2</c:v>
                </c:pt>
                <c:pt idx="2399">
                  <c:v>-4.6059149777791575E-2</c:v>
                </c:pt>
                <c:pt idx="2400">
                  <c:v>-3.0670136521560476E-2</c:v>
                </c:pt>
                <c:pt idx="2401">
                  <c:v>-4.2588828006804302E-3</c:v>
                </c:pt>
                <c:pt idx="2402">
                  <c:v>3.9209402679578398E-2</c:v>
                </c:pt>
                <c:pt idx="2403">
                  <c:v>1.0274859292166205E-2</c:v>
                </c:pt>
                <c:pt idx="2404">
                  <c:v>-3.5220936090764376E-2</c:v>
                </c:pt>
                <c:pt idx="2405">
                  <c:v>-6.0803761653005606E-2</c:v>
                </c:pt>
                <c:pt idx="2406">
                  <c:v>-1.309132251743006E-2</c:v>
                </c:pt>
                <c:pt idx="2407">
                  <c:v>-6.2719181851367378E-2</c:v>
                </c:pt>
                <c:pt idx="2408">
                  <c:v>-4.204773187506905E-2</c:v>
                </c:pt>
                <c:pt idx="2409">
                  <c:v>5.4125682653206608E-3</c:v>
                </c:pt>
                <c:pt idx="2410">
                  <c:v>2.8756408994404459E-2</c:v>
                </c:pt>
                <c:pt idx="2411">
                  <c:v>-2.5712460203157317E-2</c:v>
                </c:pt>
                <c:pt idx="2412">
                  <c:v>6.1145168349956425E-3</c:v>
                </c:pt>
                <c:pt idx="2413">
                  <c:v>-3.0967871574928862E-2</c:v>
                </c:pt>
                <c:pt idx="2414">
                  <c:v>1.3170156681057033E-2</c:v>
                </c:pt>
                <c:pt idx="2415">
                  <c:v>2.0492419847841448E-2</c:v>
                </c:pt>
                <c:pt idx="2416">
                  <c:v>-1.8454719047454327E-2</c:v>
                </c:pt>
                <c:pt idx="2417">
                  <c:v>-2.574289849966116E-2</c:v>
                </c:pt>
                <c:pt idx="2418">
                  <c:v>-1.7643697796439595E-2</c:v>
                </c:pt>
                <c:pt idx="2419">
                  <c:v>-1.6356725734595901E-2</c:v>
                </c:pt>
                <c:pt idx="2420">
                  <c:v>1.2894092904402688E-2</c:v>
                </c:pt>
                <c:pt idx="2421">
                  <c:v>-6.727382589096742E-2</c:v>
                </c:pt>
                <c:pt idx="2422">
                  <c:v>-5.9741092499395743E-2</c:v>
                </c:pt>
                <c:pt idx="2423">
                  <c:v>-6.4644085367293269E-2</c:v>
                </c:pt>
                <c:pt idx="2424">
                  <c:v>-5.0476824752229255E-2</c:v>
                </c:pt>
                <c:pt idx="2425">
                  <c:v>-3.8162639550025856E-2</c:v>
                </c:pt>
                <c:pt idx="2426">
                  <c:v>-7.671593526440712E-2</c:v>
                </c:pt>
                <c:pt idx="2427">
                  <c:v>-1.5268694118694026E-2</c:v>
                </c:pt>
                <c:pt idx="2428">
                  <c:v>-6.7161494272705013E-2</c:v>
                </c:pt>
                <c:pt idx="2429">
                  <c:v>4.4734427515714215E-2</c:v>
                </c:pt>
                <c:pt idx="2430">
                  <c:v>-1.2260638674631341E-2</c:v>
                </c:pt>
                <c:pt idx="2431">
                  <c:v>6.4808976969137233E-2</c:v>
                </c:pt>
                <c:pt idx="2432">
                  <c:v>-4.336454580292004E-2</c:v>
                </c:pt>
                <c:pt idx="2433">
                  <c:v>5.2489956393738546E-2</c:v>
                </c:pt>
                <c:pt idx="2434">
                  <c:v>-4.8899069938918016E-3</c:v>
                </c:pt>
                <c:pt idx="2435">
                  <c:v>0.13633979393725792</c:v>
                </c:pt>
                <c:pt idx="2436">
                  <c:v>0.16006781799789127</c:v>
                </c:pt>
                <c:pt idx="2437">
                  <c:v>0.14692026683181458</c:v>
                </c:pt>
                <c:pt idx="2438">
                  <c:v>0.22031560399485239</c:v>
                </c:pt>
                <c:pt idx="2439">
                  <c:v>6.4086963344224701E-2</c:v>
                </c:pt>
                <c:pt idx="2440">
                  <c:v>6.0467043582651758E-2</c:v>
                </c:pt>
                <c:pt idx="2441">
                  <c:v>0.13182135344681789</c:v>
                </c:pt>
                <c:pt idx="2442">
                  <c:v>7.8390603858637165E-2</c:v>
                </c:pt>
                <c:pt idx="2443">
                  <c:v>1.513540170974359E-2</c:v>
                </c:pt>
                <c:pt idx="2444">
                  <c:v>6.3449984290122941E-2</c:v>
                </c:pt>
                <c:pt idx="2445">
                  <c:v>5.2987387420111109E-2</c:v>
                </c:pt>
                <c:pt idx="2446">
                  <c:v>8.7000147109834725E-3</c:v>
                </c:pt>
                <c:pt idx="2447">
                  <c:v>-5.5726170113456708E-2</c:v>
                </c:pt>
                <c:pt idx="2448">
                  <c:v>-6.482306391650039E-2</c:v>
                </c:pt>
                <c:pt idx="2449">
                  <c:v>-0.1028216596532211</c:v>
                </c:pt>
                <c:pt idx="2450">
                  <c:v>-6.8441659326309412E-2</c:v>
                </c:pt>
                <c:pt idx="2451">
                  <c:v>-9.0604621428273524E-2</c:v>
                </c:pt>
                <c:pt idx="2452">
                  <c:v>-0.10929428251263662</c:v>
                </c:pt>
                <c:pt idx="2453">
                  <c:v>-7.3891869548082578E-2</c:v>
                </c:pt>
                <c:pt idx="2454">
                  <c:v>-0.11716532276079805</c:v>
                </c:pt>
                <c:pt idx="2455">
                  <c:v>-0.1104945106236912</c:v>
                </c:pt>
                <c:pt idx="2456">
                  <c:v>-9.7202830320608946E-2</c:v>
                </c:pt>
                <c:pt idx="2457">
                  <c:v>-0.10447840990612201</c:v>
                </c:pt>
                <c:pt idx="2458">
                  <c:v>-0.10475643732666962</c:v>
                </c:pt>
                <c:pt idx="2459">
                  <c:v>-9.8761513160881997E-2</c:v>
                </c:pt>
                <c:pt idx="2460">
                  <c:v>-0.13718349318663525</c:v>
                </c:pt>
                <c:pt idx="2461">
                  <c:v>-0.12274854715415162</c:v>
                </c:pt>
                <c:pt idx="2462">
                  <c:v>-9.2382358443105383E-2</c:v>
                </c:pt>
                <c:pt idx="2463">
                  <c:v>-0.15472699283883906</c:v>
                </c:pt>
                <c:pt idx="2464">
                  <c:v>-0.14224862070906907</c:v>
                </c:pt>
                <c:pt idx="2465">
                  <c:v>-0.15789689670891716</c:v>
                </c:pt>
                <c:pt idx="2466">
                  <c:v>-0.11953446601853568</c:v>
                </c:pt>
                <c:pt idx="2467">
                  <c:v>-0.11781128895459436</c:v>
                </c:pt>
                <c:pt idx="2468">
                  <c:v>-7.0128342980227742E-2</c:v>
                </c:pt>
                <c:pt idx="2469">
                  <c:v>-8.9263090868475059E-2</c:v>
                </c:pt>
                <c:pt idx="2470">
                  <c:v>-0.12053868135101353</c:v>
                </c:pt>
                <c:pt idx="2471">
                  <c:v>-0.11167153315692302</c:v>
                </c:pt>
                <c:pt idx="2472">
                  <c:v>-8.6544225757297921E-2</c:v>
                </c:pt>
                <c:pt idx="2473">
                  <c:v>-0.11337246939298107</c:v>
                </c:pt>
                <c:pt idx="2474">
                  <c:v>-0.13451697520382011</c:v>
                </c:pt>
                <c:pt idx="2475">
                  <c:v>-7.2643087199810275E-2</c:v>
                </c:pt>
                <c:pt idx="2476">
                  <c:v>-5.81421734842692E-2</c:v>
                </c:pt>
                <c:pt idx="2477">
                  <c:v>-5.2097418676410712E-2</c:v>
                </c:pt>
                <c:pt idx="2478">
                  <c:v>1.7196071985744465E-3</c:v>
                </c:pt>
                <c:pt idx="2479">
                  <c:v>-7.3523198494757414E-2</c:v>
                </c:pt>
                <c:pt idx="2480">
                  <c:v>-2.3393826108908611E-2</c:v>
                </c:pt>
                <c:pt idx="2481">
                  <c:v>-6.8442397418189138E-4</c:v>
                </c:pt>
                <c:pt idx="2482">
                  <c:v>1.0356192506842832E-2</c:v>
                </c:pt>
                <c:pt idx="2483">
                  <c:v>5.2894205506990755E-2</c:v>
                </c:pt>
                <c:pt idx="2484">
                  <c:v>-3.57240023319636E-2</c:v>
                </c:pt>
                <c:pt idx="2485">
                  <c:v>5.7648109638597234E-3</c:v>
                </c:pt>
                <c:pt idx="2486">
                  <c:v>-3.0894231659853277E-2</c:v>
                </c:pt>
                <c:pt idx="2487">
                  <c:v>-8.3278333626952694E-3</c:v>
                </c:pt>
                <c:pt idx="2488">
                  <c:v>0.26046586234514824</c:v>
                </c:pt>
                <c:pt idx="2489">
                  <c:v>0.2328844250638844</c:v>
                </c:pt>
                <c:pt idx="2490">
                  <c:v>2.5409111729008615E-2</c:v>
                </c:pt>
                <c:pt idx="2491">
                  <c:v>1.4015573301562445E-2</c:v>
                </c:pt>
                <c:pt idx="2492">
                  <c:v>-5.4935773298293467E-2</c:v>
                </c:pt>
                <c:pt idx="2493">
                  <c:v>0.10346897998397941</c:v>
                </c:pt>
                <c:pt idx="2494">
                  <c:v>2.4061956851413546E-2</c:v>
                </c:pt>
                <c:pt idx="2495">
                  <c:v>3.0927171186812097E-2</c:v>
                </c:pt>
                <c:pt idx="2496">
                  <c:v>0.23741325550436454</c:v>
                </c:pt>
                <c:pt idx="2497">
                  <c:v>0.21802404174286727</c:v>
                </c:pt>
                <c:pt idx="2498">
                  <c:v>0.21265176631693683</c:v>
                </c:pt>
                <c:pt idx="2499">
                  <c:v>0.21473821314217079</c:v>
                </c:pt>
                <c:pt idx="2500">
                  <c:v>0.32067093127791124</c:v>
                </c:pt>
                <c:pt idx="2501">
                  <c:v>0.36453652591948249</c:v>
                </c:pt>
                <c:pt idx="2502">
                  <c:v>0.48812479854125557</c:v>
                </c:pt>
                <c:pt idx="2503">
                  <c:v>0.36234623553192558</c:v>
                </c:pt>
                <c:pt idx="2504">
                  <c:v>0.3295995415984887</c:v>
                </c:pt>
                <c:pt idx="2505">
                  <c:v>0.21372286395609208</c:v>
                </c:pt>
                <c:pt idx="2506">
                  <c:v>0.20872747448733875</c:v>
                </c:pt>
                <c:pt idx="2507">
                  <c:v>0.20977975587032172</c:v>
                </c:pt>
                <c:pt idx="2508">
                  <c:v>0.19428599169282978</c:v>
                </c:pt>
                <c:pt idx="2509">
                  <c:v>0.21757641447923826</c:v>
                </c:pt>
                <c:pt idx="2510">
                  <c:v>0.18278679135284726</c:v>
                </c:pt>
                <c:pt idx="2511">
                  <c:v>1.4047710807487679E-3</c:v>
                </c:pt>
                <c:pt idx="2512">
                  <c:v>7.3932982570211969E-2</c:v>
                </c:pt>
                <c:pt idx="2513">
                  <c:v>0.10435474174959103</c:v>
                </c:pt>
                <c:pt idx="2514">
                  <c:v>3.8028022062842837E-2</c:v>
                </c:pt>
                <c:pt idx="2515">
                  <c:v>-0.1194330750133038</c:v>
                </c:pt>
                <c:pt idx="2516">
                  <c:v>-8.6828000995261556E-2</c:v>
                </c:pt>
                <c:pt idx="2517">
                  <c:v>4.052451013296654E-4</c:v>
                </c:pt>
                <c:pt idx="2518">
                  <c:v>-6.6588326017192001E-2</c:v>
                </c:pt>
                <c:pt idx="2519">
                  <c:v>-6.6910551044389144E-2</c:v>
                </c:pt>
                <c:pt idx="2520">
                  <c:v>-0.14226790916966503</c:v>
                </c:pt>
                <c:pt idx="2521">
                  <c:v>-0.15040117469928849</c:v>
                </c:pt>
                <c:pt idx="2522">
                  <c:v>-0.12820146782925901</c:v>
                </c:pt>
                <c:pt idx="2523">
                  <c:v>-0.10241238991734702</c:v>
                </c:pt>
                <c:pt idx="2524">
                  <c:v>-6.6481729866384898E-2</c:v>
                </c:pt>
                <c:pt idx="2525">
                  <c:v>-7.3204101640184427E-2</c:v>
                </c:pt>
                <c:pt idx="2526">
                  <c:v>2.0625304708062231E-2</c:v>
                </c:pt>
                <c:pt idx="2527">
                  <c:v>6.4484143194171062E-2</c:v>
                </c:pt>
                <c:pt idx="2528">
                  <c:v>8.8229345324906228E-2</c:v>
                </c:pt>
                <c:pt idx="2529">
                  <c:v>0.14410059915475837</c:v>
                </c:pt>
                <c:pt idx="2530">
                  <c:v>-5.8793372429445379E-3</c:v>
                </c:pt>
                <c:pt idx="2531">
                  <c:v>-1.8827150300849138E-2</c:v>
                </c:pt>
                <c:pt idx="2532">
                  <c:v>0.13677274799358663</c:v>
                </c:pt>
                <c:pt idx="2533">
                  <c:v>-8.4974864559061447E-2</c:v>
                </c:pt>
                <c:pt idx="2534">
                  <c:v>-9.3665358176128755E-2</c:v>
                </c:pt>
                <c:pt idx="2535">
                  <c:v>-0.12902406172074976</c:v>
                </c:pt>
                <c:pt idx="2536">
                  <c:v>-9.1703977232483136E-2</c:v>
                </c:pt>
                <c:pt idx="2537">
                  <c:v>-9.9047668309090509E-2</c:v>
                </c:pt>
                <c:pt idx="2538">
                  <c:v>-0.10108137861894761</c:v>
                </c:pt>
                <c:pt idx="2539">
                  <c:v>-0.11865976110089049</c:v>
                </c:pt>
                <c:pt idx="2540">
                  <c:v>-0.12062821421371617</c:v>
                </c:pt>
                <c:pt idx="2541">
                  <c:v>-0.14281041101761882</c:v>
                </c:pt>
                <c:pt idx="2542">
                  <c:v>-0.13918652764484407</c:v>
                </c:pt>
                <c:pt idx="2543">
                  <c:v>-0.17311895519325016</c:v>
                </c:pt>
                <c:pt idx="2544">
                  <c:v>-0.18255157180503712</c:v>
                </c:pt>
                <c:pt idx="2545">
                  <c:v>-0.16035899885399663</c:v>
                </c:pt>
                <c:pt idx="2546">
                  <c:v>-0.11400184958836501</c:v>
                </c:pt>
                <c:pt idx="2547">
                  <c:v>-4.0778281502845015E-2</c:v>
                </c:pt>
                <c:pt idx="2548">
                  <c:v>-5.7885311718478771E-2</c:v>
                </c:pt>
                <c:pt idx="2549">
                  <c:v>-8.3609092477602398E-2</c:v>
                </c:pt>
                <c:pt idx="2550">
                  <c:v>-7.7660856251895671E-2</c:v>
                </c:pt>
                <c:pt idx="2551">
                  <c:v>-5.4078985269038093E-2</c:v>
                </c:pt>
                <c:pt idx="2552">
                  <c:v>-2.3073491352302522E-2</c:v>
                </c:pt>
                <c:pt idx="2553">
                  <c:v>-4.0623167438237018E-2</c:v>
                </c:pt>
                <c:pt idx="2554">
                  <c:v>-4.0887150046584386E-2</c:v>
                </c:pt>
                <c:pt idx="2555">
                  <c:v>3.7290926955413362E-4</c:v>
                </c:pt>
                <c:pt idx="2556">
                  <c:v>5.23372491187033E-2</c:v>
                </c:pt>
                <c:pt idx="2557">
                  <c:v>-1.5055745183968794E-2</c:v>
                </c:pt>
                <c:pt idx="2558">
                  <c:v>1.946329101049904E-2</c:v>
                </c:pt>
                <c:pt idx="2559">
                  <c:v>6.9271366069207474E-2</c:v>
                </c:pt>
                <c:pt idx="2560">
                  <c:v>2.2454483671716319E-2</c:v>
                </c:pt>
                <c:pt idx="2561">
                  <c:v>0.22924522773874456</c:v>
                </c:pt>
                <c:pt idx="2562">
                  <c:v>0.19228813114205923</c:v>
                </c:pt>
                <c:pt idx="2563">
                  <c:v>0.4339520879607881</c:v>
                </c:pt>
                <c:pt idx="2564">
                  <c:v>0.4250160218957556</c:v>
                </c:pt>
                <c:pt idx="2565">
                  <c:v>0.19804905913270388</c:v>
                </c:pt>
                <c:pt idx="2566">
                  <c:v>0.16507220550336543</c:v>
                </c:pt>
                <c:pt idx="2567">
                  <c:v>9.705832196713593E-2</c:v>
                </c:pt>
                <c:pt idx="2568">
                  <c:v>-2.5233590442582998E-2</c:v>
                </c:pt>
                <c:pt idx="2569">
                  <c:v>-3.6742061244912638E-2</c:v>
                </c:pt>
                <c:pt idx="2570">
                  <c:v>-5.5405024618195742E-2</c:v>
                </c:pt>
                <c:pt idx="2571">
                  <c:v>-0.12860162547288589</c:v>
                </c:pt>
                <c:pt idx="2572">
                  <c:v>-0.11744092523006389</c:v>
                </c:pt>
                <c:pt idx="2573">
                  <c:v>-0.13343618284481384</c:v>
                </c:pt>
                <c:pt idx="2574">
                  <c:v>-0.1691026467057386</c:v>
                </c:pt>
                <c:pt idx="2575">
                  <c:v>-0.17204559896405658</c:v>
                </c:pt>
                <c:pt idx="2576">
                  <c:v>-0.15609887815128343</c:v>
                </c:pt>
                <c:pt idx="2577">
                  <c:v>-0.11728517841154129</c:v>
                </c:pt>
                <c:pt idx="2578">
                  <c:v>-3.8235485435218486E-2</c:v>
                </c:pt>
                <c:pt idx="2579">
                  <c:v>-6.6053607550911941E-2</c:v>
                </c:pt>
                <c:pt idx="2580">
                  <c:v>-3.8450061658999557E-2</c:v>
                </c:pt>
                <c:pt idx="2581">
                  <c:v>-8.9711533956037703E-2</c:v>
                </c:pt>
                <c:pt idx="2582">
                  <c:v>4.0487567039405592E-2</c:v>
                </c:pt>
                <c:pt idx="2583">
                  <c:v>-4.6010502552628063E-2</c:v>
                </c:pt>
                <c:pt idx="2584">
                  <c:v>-0.12035768176691664</c:v>
                </c:pt>
                <c:pt idx="2585">
                  <c:v>-1.6016775606646716E-2</c:v>
                </c:pt>
                <c:pt idx="2586">
                  <c:v>4.001871600355178E-2</c:v>
                </c:pt>
                <c:pt idx="2587">
                  <c:v>7.4377998906667853E-2</c:v>
                </c:pt>
                <c:pt idx="2588">
                  <c:v>1.9800301847589852E-2</c:v>
                </c:pt>
                <c:pt idx="2589">
                  <c:v>-2.2983916354436751E-2</c:v>
                </c:pt>
                <c:pt idx="2590">
                  <c:v>-2.1272287957516456E-2</c:v>
                </c:pt>
                <c:pt idx="2591">
                  <c:v>3.2257435675769108E-2</c:v>
                </c:pt>
                <c:pt idx="2592">
                  <c:v>-6.9060242022924156E-2</c:v>
                </c:pt>
                <c:pt idx="2593">
                  <c:v>-0.11205245827801591</c:v>
                </c:pt>
                <c:pt idx="2594">
                  <c:v>-6.9267574630999418E-2</c:v>
                </c:pt>
                <c:pt idx="2595">
                  <c:v>-0.12872853658403716</c:v>
                </c:pt>
                <c:pt idx="2596">
                  <c:v>-0.14103976288073827</c:v>
                </c:pt>
                <c:pt idx="2597">
                  <c:v>-7.5313959633787508E-2</c:v>
                </c:pt>
                <c:pt idx="2598">
                  <c:v>-9.2785744511986623E-2</c:v>
                </c:pt>
                <c:pt idx="2599">
                  <c:v>-9.0877204695165026E-2</c:v>
                </c:pt>
                <c:pt idx="2600">
                  <c:v>-6.5592592928921278E-2</c:v>
                </c:pt>
                <c:pt idx="2601">
                  <c:v>-9.4445774769392421E-2</c:v>
                </c:pt>
                <c:pt idx="2602">
                  <c:v>-8.2876276995109799E-2</c:v>
                </c:pt>
                <c:pt idx="2603">
                  <c:v>7.4053136072970149E-2</c:v>
                </c:pt>
                <c:pt idx="2604">
                  <c:v>0.27694916428899363</c:v>
                </c:pt>
                <c:pt idx="2605">
                  <c:v>-9.925812763685371E-2</c:v>
                </c:pt>
                <c:pt idx="2606">
                  <c:v>0.15986200588802579</c:v>
                </c:pt>
                <c:pt idx="2607">
                  <c:v>-9.4721844357800178E-3</c:v>
                </c:pt>
                <c:pt idx="2608">
                  <c:v>-4.0863645890278133E-2</c:v>
                </c:pt>
                <c:pt idx="2609">
                  <c:v>-0.11169622436247828</c:v>
                </c:pt>
                <c:pt idx="2610">
                  <c:v>-4.3965709241948425E-2</c:v>
                </c:pt>
                <c:pt idx="2611">
                  <c:v>-9.3495031864717304E-2</c:v>
                </c:pt>
                <c:pt idx="2612">
                  <c:v>-3.5076329664063488E-2</c:v>
                </c:pt>
                <c:pt idx="2613">
                  <c:v>-8.8420838744008967E-2</c:v>
                </c:pt>
                <c:pt idx="2614">
                  <c:v>0.18126157472906812</c:v>
                </c:pt>
                <c:pt idx="2615">
                  <c:v>-2.6102181402780644E-3</c:v>
                </c:pt>
                <c:pt idx="2616">
                  <c:v>2.6220671293058828E-2</c:v>
                </c:pt>
                <c:pt idx="2617">
                  <c:v>0.2406433850518257</c:v>
                </c:pt>
                <c:pt idx="2618">
                  <c:v>0.56903827434712739</c:v>
                </c:pt>
                <c:pt idx="2619">
                  <c:v>0.30826176760641744</c:v>
                </c:pt>
                <c:pt idx="2620">
                  <c:v>0.13300324985607226</c:v>
                </c:pt>
                <c:pt idx="2621">
                  <c:v>0.27888780023574244</c:v>
                </c:pt>
                <c:pt idx="2622">
                  <c:v>0.3215060959773669</c:v>
                </c:pt>
                <c:pt idx="2623">
                  <c:v>0.33264515981394771</c:v>
                </c:pt>
                <c:pt idx="2624">
                  <c:v>0.23039488856884249</c:v>
                </c:pt>
                <c:pt idx="2625">
                  <c:v>0.10312430563249075</c:v>
                </c:pt>
                <c:pt idx="2626">
                  <c:v>0.10332176335657473</c:v>
                </c:pt>
                <c:pt idx="2627">
                  <c:v>-2.6428574178772313E-2</c:v>
                </c:pt>
                <c:pt idx="2628">
                  <c:v>-4.4860976119169171E-2</c:v>
                </c:pt>
                <c:pt idx="2629">
                  <c:v>-4.7820645140199458E-2</c:v>
                </c:pt>
                <c:pt idx="2630">
                  <c:v>5.7602851388190546E-2</c:v>
                </c:pt>
                <c:pt idx="2631">
                  <c:v>-8.3491050818272905E-3</c:v>
                </c:pt>
                <c:pt idx="2632">
                  <c:v>8.6151835513043062E-3</c:v>
                </c:pt>
                <c:pt idx="2633">
                  <c:v>-5.0712124211562681E-3</c:v>
                </c:pt>
                <c:pt idx="2634">
                  <c:v>-5.7073295205853913E-2</c:v>
                </c:pt>
                <c:pt idx="2635">
                  <c:v>6.4081339752891875E-2</c:v>
                </c:pt>
                <c:pt idx="2636">
                  <c:v>-3.3843429366392508E-2</c:v>
                </c:pt>
                <c:pt idx="2637">
                  <c:v>-2.665434527950028E-2</c:v>
                </c:pt>
                <c:pt idx="2638">
                  <c:v>1.9409961696957301E-2</c:v>
                </c:pt>
                <c:pt idx="2639">
                  <c:v>-2.6494593441081071E-2</c:v>
                </c:pt>
                <c:pt idx="2640">
                  <c:v>2.8306433058667202E-2</c:v>
                </c:pt>
                <c:pt idx="2641">
                  <c:v>-2.9019901963099448E-2</c:v>
                </c:pt>
                <c:pt idx="2642">
                  <c:v>-2.9612298382336921E-2</c:v>
                </c:pt>
                <c:pt idx="2643">
                  <c:v>-3.7889873939583318E-2</c:v>
                </c:pt>
                <c:pt idx="2644">
                  <c:v>-4.3358626538978151E-2</c:v>
                </c:pt>
                <c:pt idx="2645">
                  <c:v>-6.3925292176481241E-2</c:v>
                </c:pt>
                <c:pt idx="2646">
                  <c:v>-7.8986788810208042E-2</c:v>
                </c:pt>
                <c:pt idx="2647">
                  <c:v>-0.10756118407072868</c:v>
                </c:pt>
                <c:pt idx="2648">
                  <c:v>-0.10570569387714324</c:v>
                </c:pt>
                <c:pt idx="2649">
                  <c:v>-0.10626738030072169</c:v>
                </c:pt>
                <c:pt idx="2650">
                  <c:v>-0.10136536017391673</c:v>
                </c:pt>
                <c:pt idx="2651">
                  <c:v>-0.11358261633936251</c:v>
                </c:pt>
                <c:pt idx="2652">
                  <c:v>-6.7946197029107425E-2</c:v>
                </c:pt>
                <c:pt idx="2653">
                  <c:v>-4.1044869953088203E-2</c:v>
                </c:pt>
                <c:pt idx="2654">
                  <c:v>-7.0227440524946338E-2</c:v>
                </c:pt>
                <c:pt idx="2655">
                  <c:v>-8.2320761193514835E-2</c:v>
                </c:pt>
                <c:pt idx="2656">
                  <c:v>-9.5969311798390522E-2</c:v>
                </c:pt>
                <c:pt idx="2657">
                  <c:v>-0.10117327468312398</c:v>
                </c:pt>
                <c:pt idx="2658">
                  <c:v>-5.8315727494464786E-2</c:v>
                </c:pt>
                <c:pt idx="2659">
                  <c:v>-7.1689172534411982E-2</c:v>
                </c:pt>
                <c:pt idx="2660">
                  <c:v>-0.10977664876527615</c:v>
                </c:pt>
                <c:pt idx="2661">
                  <c:v>-0.13208724884627721</c:v>
                </c:pt>
                <c:pt idx="2662">
                  <c:v>-0.12572676872335831</c:v>
                </c:pt>
                <c:pt idx="2663">
                  <c:v>-0.12177102154160169</c:v>
                </c:pt>
                <c:pt idx="2664">
                  <c:v>-0.11606987826207005</c:v>
                </c:pt>
                <c:pt idx="2665">
                  <c:v>-8.4404633415000485E-2</c:v>
                </c:pt>
                <c:pt idx="2666">
                  <c:v>-5.244299094275584E-2</c:v>
                </c:pt>
                <c:pt idx="2667">
                  <c:v>-5.8415176649854517E-2</c:v>
                </c:pt>
                <c:pt idx="2668">
                  <c:v>-3.9290008699458312E-2</c:v>
                </c:pt>
                <c:pt idx="2669">
                  <c:v>-9.2850348613989331E-2</c:v>
                </c:pt>
                <c:pt idx="2670">
                  <c:v>-5.0198027275253687E-2</c:v>
                </c:pt>
                <c:pt idx="2671">
                  <c:v>-1.9499108804977294E-2</c:v>
                </c:pt>
                <c:pt idx="2672">
                  <c:v>-5.2394159194637302E-2</c:v>
                </c:pt>
                <c:pt idx="2673">
                  <c:v>-6.2706082900933824E-2</c:v>
                </c:pt>
                <c:pt idx="2674">
                  <c:v>-7.1342651500429954E-2</c:v>
                </c:pt>
                <c:pt idx="2675">
                  <c:v>2.5051634826165237E-2</c:v>
                </c:pt>
                <c:pt idx="2676">
                  <c:v>-3.2684069457636689E-2</c:v>
                </c:pt>
                <c:pt idx="2677">
                  <c:v>-6.8374208921394675E-2</c:v>
                </c:pt>
                <c:pt idx="2678">
                  <c:v>-6.9349013910052881E-2</c:v>
                </c:pt>
                <c:pt idx="2679">
                  <c:v>3.848999344362336E-2</c:v>
                </c:pt>
                <c:pt idx="2680">
                  <c:v>-6.7150836982323825E-2</c:v>
                </c:pt>
                <c:pt idx="2681">
                  <c:v>-2.3681724054637643E-2</c:v>
                </c:pt>
                <c:pt idx="2682">
                  <c:v>4.3633004182641377E-2</c:v>
                </c:pt>
                <c:pt idx="2683">
                  <c:v>5.2519308620091465E-3</c:v>
                </c:pt>
                <c:pt idx="2684">
                  <c:v>-2.0279306004806541E-2</c:v>
                </c:pt>
                <c:pt idx="2685">
                  <c:v>-1.2006804102366764E-2</c:v>
                </c:pt>
                <c:pt idx="2686">
                  <c:v>3.4798856538850065E-2</c:v>
                </c:pt>
                <c:pt idx="2687">
                  <c:v>-1.639053484415065E-3</c:v>
                </c:pt>
                <c:pt idx="2688">
                  <c:v>-3.5633489463489099E-3</c:v>
                </c:pt>
                <c:pt idx="2689">
                  <c:v>0.13801514177937724</c:v>
                </c:pt>
                <c:pt idx="2690">
                  <c:v>-1.2029010786238969E-2</c:v>
                </c:pt>
                <c:pt idx="2691">
                  <c:v>0.14657453910124996</c:v>
                </c:pt>
                <c:pt idx="2692">
                  <c:v>4.9513922947136635E-2</c:v>
                </c:pt>
                <c:pt idx="2693">
                  <c:v>0.10145855952227367</c:v>
                </c:pt>
                <c:pt idx="2694">
                  <c:v>3.0537005388578842E-2</c:v>
                </c:pt>
                <c:pt idx="2695">
                  <c:v>2.6402429310090958E-2</c:v>
                </c:pt>
                <c:pt idx="2696">
                  <c:v>1.1725690644359021E-2</c:v>
                </c:pt>
                <c:pt idx="2697">
                  <c:v>-3.4495927236937174E-3</c:v>
                </c:pt>
                <c:pt idx="2698">
                  <c:v>-1.1869069339586535E-2</c:v>
                </c:pt>
                <c:pt idx="2699">
                  <c:v>-2.2944441518391367E-2</c:v>
                </c:pt>
                <c:pt idx="2700">
                  <c:v>2.7690379198305526E-2</c:v>
                </c:pt>
                <c:pt idx="2701">
                  <c:v>-2.555627750363676E-2</c:v>
                </c:pt>
                <c:pt idx="2702">
                  <c:v>4.7861408004590933E-2</c:v>
                </c:pt>
                <c:pt idx="2703">
                  <c:v>3.0123597689099002E-3</c:v>
                </c:pt>
                <c:pt idx="2704">
                  <c:v>2.713784119039131E-2</c:v>
                </c:pt>
                <c:pt idx="2705">
                  <c:v>5.2267086081048131E-3</c:v>
                </c:pt>
                <c:pt idx="2706">
                  <c:v>-1.2405038784327749E-2</c:v>
                </c:pt>
                <c:pt idx="2707">
                  <c:v>-2.0446515040618451E-2</c:v>
                </c:pt>
                <c:pt idx="2708">
                  <c:v>1.4529836599111112E-2</c:v>
                </c:pt>
                <c:pt idx="2709">
                  <c:v>1.5275485144630285E-2</c:v>
                </c:pt>
                <c:pt idx="2710">
                  <c:v>-1.2516883668810652E-2</c:v>
                </c:pt>
                <c:pt idx="2711">
                  <c:v>-6.9873545837427553E-2</c:v>
                </c:pt>
                <c:pt idx="2712">
                  <c:v>-4.2880085868556628E-2</c:v>
                </c:pt>
                <c:pt idx="2713">
                  <c:v>-2.9893338467042674E-2</c:v>
                </c:pt>
                <c:pt idx="2714">
                  <c:v>6.2312350869673572E-2</c:v>
                </c:pt>
                <c:pt idx="2715">
                  <c:v>7.0811258806158683E-2</c:v>
                </c:pt>
                <c:pt idx="2716">
                  <c:v>8.1361682064771457E-2</c:v>
                </c:pt>
                <c:pt idx="2717">
                  <c:v>0.14528329758504244</c:v>
                </c:pt>
                <c:pt idx="2718">
                  <c:v>8.3249622872126894E-2</c:v>
                </c:pt>
                <c:pt idx="2719">
                  <c:v>8.3232836368459795E-2</c:v>
                </c:pt>
                <c:pt idx="2720">
                  <c:v>4.9706601236085945E-2</c:v>
                </c:pt>
                <c:pt idx="2721">
                  <c:v>-3.2750658997582338E-2</c:v>
                </c:pt>
                <c:pt idx="2722">
                  <c:v>-8.0950845336706934E-3</c:v>
                </c:pt>
                <c:pt idx="2723">
                  <c:v>7.5167779676681423E-3</c:v>
                </c:pt>
                <c:pt idx="2724">
                  <c:v>-3.4333715576752244E-2</c:v>
                </c:pt>
                <c:pt idx="2725">
                  <c:v>6.8094743093556676E-2</c:v>
                </c:pt>
                <c:pt idx="2726">
                  <c:v>-2.2718756867396994E-3</c:v>
                </c:pt>
                <c:pt idx="2727">
                  <c:v>8.2964933010536424E-2</c:v>
                </c:pt>
                <c:pt idx="2728">
                  <c:v>9.3072754713416694E-2</c:v>
                </c:pt>
                <c:pt idx="2729">
                  <c:v>0.12260424003240489</c:v>
                </c:pt>
                <c:pt idx="2730">
                  <c:v>6.416406124854479E-2</c:v>
                </c:pt>
                <c:pt idx="2731">
                  <c:v>6.9329753055253129E-2</c:v>
                </c:pt>
                <c:pt idx="2732">
                  <c:v>1.1521220321498382E-2</c:v>
                </c:pt>
                <c:pt idx="2733">
                  <c:v>-1.8222457678679804E-2</c:v>
                </c:pt>
                <c:pt idx="2734">
                  <c:v>-8.6521195258341455E-2</c:v>
                </c:pt>
                <c:pt idx="2735">
                  <c:v>-9.120241768659787E-2</c:v>
                </c:pt>
                <c:pt idx="2736">
                  <c:v>-2.4727173729452434E-2</c:v>
                </c:pt>
                <c:pt idx="2737">
                  <c:v>2.9599045420615644E-2</c:v>
                </c:pt>
                <c:pt idx="2738">
                  <c:v>0.12040460944154541</c:v>
                </c:pt>
                <c:pt idx="2739">
                  <c:v>9.1979383555297334E-2</c:v>
                </c:pt>
                <c:pt idx="2740">
                  <c:v>6.1301599501642712E-2</c:v>
                </c:pt>
                <c:pt idx="2741">
                  <c:v>7.0244504539519137E-2</c:v>
                </c:pt>
                <c:pt idx="2742">
                  <c:v>3.8343172741454712E-2</c:v>
                </c:pt>
                <c:pt idx="2743">
                  <c:v>2.8383414728055278E-2</c:v>
                </c:pt>
                <c:pt idx="2744">
                  <c:v>0.11040890940758263</c:v>
                </c:pt>
                <c:pt idx="2745">
                  <c:v>3.2249434353597506E-2</c:v>
                </c:pt>
                <c:pt idx="2746">
                  <c:v>-3.7471477582095569E-2</c:v>
                </c:pt>
                <c:pt idx="2747">
                  <c:v>-5.0877652926124228E-2</c:v>
                </c:pt>
                <c:pt idx="2748">
                  <c:v>-2.1468041386901615E-2</c:v>
                </c:pt>
                <c:pt idx="2749">
                  <c:v>0.12413681868621673</c:v>
                </c:pt>
                <c:pt idx="2750">
                  <c:v>0.15631896972261528</c:v>
                </c:pt>
                <c:pt idx="2751">
                  <c:v>8.1672817552926769E-2</c:v>
                </c:pt>
                <c:pt idx="2752">
                  <c:v>-6.1013965990385666E-2</c:v>
                </c:pt>
                <c:pt idx="2753">
                  <c:v>-3.5727887484585219E-2</c:v>
                </c:pt>
                <c:pt idx="2754">
                  <c:v>-2.1818281938726924E-2</c:v>
                </c:pt>
                <c:pt idx="2755">
                  <c:v>-6.3787427375869954E-2</c:v>
                </c:pt>
                <c:pt idx="2756">
                  <c:v>3.3783552393795713E-3</c:v>
                </c:pt>
                <c:pt idx="2757">
                  <c:v>3.5991340497515401E-3</c:v>
                </c:pt>
                <c:pt idx="2758">
                  <c:v>5.4907146813800156E-2</c:v>
                </c:pt>
                <c:pt idx="2759">
                  <c:v>8.3905416003008382E-2</c:v>
                </c:pt>
                <c:pt idx="2760">
                  <c:v>4.900777793316069E-2</c:v>
                </c:pt>
                <c:pt idx="2761">
                  <c:v>3.4250322097894581E-2</c:v>
                </c:pt>
                <c:pt idx="2762">
                  <c:v>-4.6402446745331782E-2</c:v>
                </c:pt>
                <c:pt idx="2763">
                  <c:v>-4.9916134316730032E-2</c:v>
                </c:pt>
                <c:pt idx="2764">
                  <c:v>-7.9724207922500789E-2</c:v>
                </c:pt>
                <c:pt idx="2765">
                  <c:v>-9.7447610918093175E-2</c:v>
                </c:pt>
                <c:pt idx="2766">
                  <c:v>-0.10109562902168368</c:v>
                </c:pt>
                <c:pt idx="2767">
                  <c:v>-1.6027506270330671E-2</c:v>
                </c:pt>
                <c:pt idx="2768">
                  <c:v>-5.6623146370654909E-2</c:v>
                </c:pt>
                <c:pt idx="2769">
                  <c:v>-7.2032570481049607E-2</c:v>
                </c:pt>
                <c:pt idx="2770">
                  <c:v>-8.7343084475553945E-2</c:v>
                </c:pt>
                <c:pt idx="2771">
                  <c:v>-0.11348634185056905</c:v>
                </c:pt>
                <c:pt idx="2772">
                  <c:v>-7.9201184869844177E-2</c:v>
                </c:pt>
                <c:pt idx="2773">
                  <c:v>-7.9733416635035304E-2</c:v>
                </c:pt>
                <c:pt idx="2774">
                  <c:v>-0.10242127825734781</c:v>
                </c:pt>
                <c:pt idx="2775">
                  <c:v>-6.997491577507875E-2</c:v>
                </c:pt>
                <c:pt idx="2776">
                  <c:v>-3.3318368570074197E-2</c:v>
                </c:pt>
                <c:pt idx="2777">
                  <c:v>-1.6185332241208883E-2</c:v>
                </c:pt>
                <c:pt idx="2778">
                  <c:v>-2.7100887199446477E-2</c:v>
                </c:pt>
                <c:pt idx="2779">
                  <c:v>2.5416365515275263E-2</c:v>
                </c:pt>
                <c:pt idx="2780">
                  <c:v>-3.4725499219954714E-2</c:v>
                </c:pt>
                <c:pt idx="2781">
                  <c:v>-8.9604526624156189E-2</c:v>
                </c:pt>
                <c:pt idx="2782">
                  <c:v>1.1330271027172212E-2</c:v>
                </c:pt>
                <c:pt idx="2783">
                  <c:v>5.3457459649224437E-2</c:v>
                </c:pt>
                <c:pt idx="2784">
                  <c:v>-3.7878252625729303E-2</c:v>
                </c:pt>
                <c:pt idx="2785">
                  <c:v>-7.2973175520196776E-2</c:v>
                </c:pt>
                <c:pt idx="2786">
                  <c:v>-6.2835143631870038E-2</c:v>
                </c:pt>
                <c:pt idx="2787">
                  <c:v>-0.11391024411152029</c:v>
                </c:pt>
                <c:pt idx="2788">
                  <c:v>-6.8011969292184116E-2</c:v>
                </c:pt>
                <c:pt idx="2789">
                  <c:v>-7.876804120528369E-2</c:v>
                </c:pt>
                <c:pt idx="2790">
                  <c:v>-0.11635477516713311</c:v>
                </c:pt>
                <c:pt idx="2791">
                  <c:v>-0.11553134511059626</c:v>
                </c:pt>
                <c:pt idx="2792">
                  <c:v>-0.11477431498577084</c:v>
                </c:pt>
                <c:pt idx="2793">
                  <c:v>-0.1099514239687327</c:v>
                </c:pt>
                <c:pt idx="2794">
                  <c:v>-5.1593150130128884E-2</c:v>
                </c:pt>
                <c:pt idx="2795">
                  <c:v>-8.2181657037883049E-4</c:v>
                </c:pt>
                <c:pt idx="2796">
                  <c:v>-6.6385634815267602E-2</c:v>
                </c:pt>
                <c:pt idx="2797">
                  <c:v>-8.700948949254439E-3</c:v>
                </c:pt>
                <c:pt idx="2798">
                  <c:v>2.6147146159978707E-2</c:v>
                </c:pt>
                <c:pt idx="2799">
                  <c:v>4.2143016187530247E-3</c:v>
                </c:pt>
                <c:pt idx="2800">
                  <c:v>-6.6757638178816525E-2</c:v>
                </c:pt>
                <c:pt idx="2801">
                  <c:v>-2.8087983305757569E-2</c:v>
                </c:pt>
                <c:pt idx="2802">
                  <c:v>-7.7957267679968245E-2</c:v>
                </c:pt>
                <c:pt idx="2803">
                  <c:v>0.24790815624154205</c:v>
                </c:pt>
                <c:pt idx="2804">
                  <c:v>0.21572116329373958</c:v>
                </c:pt>
                <c:pt idx="2805">
                  <c:v>0.16950471568754244</c:v>
                </c:pt>
                <c:pt idx="2806">
                  <c:v>0.21776072022070281</c:v>
                </c:pt>
                <c:pt idx="2807">
                  <c:v>0.13688559976317161</c:v>
                </c:pt>
                <c:pt idx="2808">
                  <c:v>0.19924121254828997</c:v>
                </c:pt>
                <c:pt idx="2809">
                  <c:v>8.6435223543385731E-2</c:v>
                </c:pt>
                <c:pt idx="2810">
                  <c:v>0.22983716720939606</c:v>
                </c:pt>
                <c:pt idx="2811">
                  <c:v>3.7856792024830721E-2</c:v>
                </c:pt>
                <c:pt idx="2812">
                  <c:v>-8.2549907466096584E-2</c:v>
                </c:pt>
                <c:pt idx="2813">
                  <c:v>-0.11962158700638736</c:v>
                </c:pt>
                <c:pt idx="2814">
                  <c:v>-0.12016480006683483</c:v>
                </c:pt>
                <c:pt idx="2815">
                  <c:v>-0.12257986193469439</c:v>
                </c:pt>
                <c:pt idx="2816">
                  <c:v>-4.3433706314280784E-2</c:v>
                </c:pt>
                <c:pt idx="2817">
                  <c:v>-9.0334317092528371E-2</c:v>
                </c:pt>
                <c:pt idx="2818">
                  <c:v>-7.9003047171404495E-2</c:v>
                </c:pt>
                <c:pt idx="2819">
                  <c:v>-7.3930009861807866E-2</c:v>
                </c:pt>
                <c:pt idx="2820">
                  <c:v>-3.7323078264248966E-2</c:v>
                </c:pt>
                <c:pt idx="2821">
                  <c:v>-4.4995992437464771E-2</c:v>
                </c:pt>
                <c:pt idx="2822">
                  <c:v>-4.1279411705947622E-2</c:v>
                </c:pt>
                <c:pt idx="2823">
                  <c:v>2.3055437887866348E-2</c:v>
                </c:pt>
                <c:pt idx="2824">
                  <c:v>3.7074280296907069E-2</c:v>
                </c:pt>
                <c:pt idx="2825">
                  <c:v>0.12542347400786846</c:v>
                </c:pt>
                <c:pt idx="2826">
                  <c:v>7.7070708978604685E-2</c:v>
                </c:pt>
                <c:pt idx="2827">
                  <c:v>5.9937597823501498E-2</c:v>
                </c:pt>
                <c:pt idx="2828">
                  <c:v>6.1695118677678296E-2</c:v>
                </c:pt>
                <c:pt idx="2829">
                  <c:v>1.5586237057512831E-2</c:v>
                </c:pt>
                <c:pt idx="2830">
                  <c:v>-1.4885687665838976E-2</c:v>
                </c:pt>
                <c:pt idx="2831">
                  <c:v>-8.1998172932153501E-2</c:v>
                </c:pt>
                <c:pt idx="2832">
                  <c:v>2.2573330984419715E-2</c:v>
                </c:pt>
                <c:pt idx="2833">
                  <c:v>-4.5570961607964922E-2</c:v>
                </c:pt>
                <c:pt idx="2834">
                  <c:v>9.9833900281329768E-3</c:v>
                </c:pt>
                <c:pt idx="2835">
                  <c:v>-6.8018735618199377E-3</c:v>
                </c:pt>
                <c:pt idx="2836">
                  <c:v>-5.3430295545477957E-2</c:v>
                </c:pt>
                <c:pt idx="2837">
                  <c:v>4.4895113592403835E-2</c:v>
                </c:pt>
                <c:pt idx="2838">
                  <c:v>-4.0266884849321838E-2</c:v>
                </c:pt>
                <c:pt idx="2839">
                  <c:v>-2.8797038188624224E-2</c:v>
                </c:pt>
                <c:pt idx="2840">
                  <c:v>-9.8731603006852686E-2</c:v>
                </c:pt>
                <c:pt idx="2841">
                  <c:v>3.1058485422505E-2</c:v>
                </c:pt>
                <c:pt idx="2842">
                  <c:v>-7.7577274617741221E-2</c:v>
                </c:pt>
                <c:pt idx="2843">
                  <c:v>-0.16457960185903209</c:v>
                </c:pt>
                <c:pt idx="2844">
                  <c:v>-0.14609903288903736</c:v>
                </c:pt>
                <c:pt idx="2845">
                  <c:v>6.7987768452751007E-2</c:v>
                </c:pt>
                <c:pt idx="2846">
                  <c:v>0.12635364332947396</c:v>
                </c:pt>
                <c:pt idx="2847">
                  <c:v>0.48178762061644187</c:v>
                </c:pt>
                <c:pt idx="2848">
                  <c:v>0.33212085381822909</c:v>
                </c:pt>
                <c:pt idx="2849">
                  <c:v>-6.5359160493198898E-2</c:v>
                </c:pt>
                <c:pt idx="2850">
                  <c:v>4.927479282031344E-2</c:v>
                </c:pt>
                <c:pt idx="2851">
                  <c:v>0.28936464097026937</c:v>
                </c:pt>
                <c:pt idx="2852">
                  <c:v>0.11369434571537673</c:v>
                </c:pt>
                <c:pt idx="2853">
                  <c:v>8.6436667762422648E-2</c:v>
                </c:pt>
                <c:pt idx="2854">
                  <c:v>2.7138719490600649E-2</c:v>
                </c:pt>
                <c:pt idx="2855">
                  <c:v>2.3207247974515788E-2</c:v>
                </c:pt>
                <c:pt idx="2856">
                  <c:v>0.38642402866644077</c:v>
                </c:pt>
                <c:pt idx="2857">
                  <c:v>0.26699985724897579</c:v>
                </c:pt>
                <c:pt idx="2858">
                  <c:v>0.13245217422890287</c:v>
                </c:pt>
                <c:pt idx="2859">
                  <c:v>5.1610152394893749E-2</c:v>
                </c:pt>
                <c:pt idx="2860">
                  <c:v>-1.0958583677345812E-2</c:v>
                </c:pt>
                <c:pt idx="2861">
                  <c:v>-1.1460821744649241E-2</c:v>
                </c:pt>
                <c:pt idx="2862">
                  <c:v>-4.5888550314288512E-2</c:v>
                </c:pt>
                <c:pt idx="2863">
                  <c:v>-1.0030468808174042E-2</c:v>
                </c:pt>
                <c:pt idx="2864">
                  <c:v>-2.5922618046562929E-2</c:v>
                </c:pt>
                <c:pt idx="2865">
                  <c:v>-4.1954358174312256E-2</c:v>
                </c:pt>
                <c:pt idx="2866">
                  <c:v>-3.2894112519046503E-2</c:v>
                </c:pt>
                <c:pt idx="2867">
                  <c:v>-8.1539735093323351E-3</c:v>
                </c:pt>
                <c:pt idx="2868">
                  <c:v>-8.144574316801878E-2</c:v>
                </c:pt>
                <c:pt idx="2869">
                  <c:v>-6.63610286065065E-2</c:v>
                </c:pt>
                <c:pt idx="2870">
                  <c:v>-3.0483462493347546E-2</c:v>
                </c:pt>
                <c:pt idx="2871">
                  <c:v>-4.1374222361057811E-2</c:v>
                </c:pt>
                <c:pt idx="2872">
                  <c:v>-0.10390978571000453</c:v>
                </c:pt>
                <c:pt idx="2873">
                  <c:v>-0.10139885472267951</c:v>
                </c:pt>
                <c:pt idx="2874">
                  <c:v>-8.3268253152418259E-2</c:v>
                </c:pt>
                <c:pt idx="2875">
                  <c:v>-4.5487621887763674E-2</c:v>
                </c:pt>
                <c:pt idx="2876">
                  <c:v>-9.6174024761672361E-2</c:v>
                </c:pt>
                <c:pt idx="2877">
                  <c:v>-8.5396591047367632E-2</c:v>
                </c:pt>
                <c:pt idx="2878">
                  <c:v>-0.12064450599245558</c:v>
                </c:pt>
                <c:pt idx="2879">
                  <c:v>-0.11767330791904962</c:v>
                </c:pt>
                <c:pt idx="2880">
                  <c:v>-0.11361760087466788</c:v>
                </c:pt>
                <c:pt idx="2881">
                  <c:v>-8.3285241614284966E-2</c:v>
                </c:pt>
                <c:pt idx="2882">
                  <c:v>2.7278283500632661E-2</c:v>
                </c:pt>
                <c:pt idx="2883">
                  <c:v>1.2228190240261561E-2</c:v>
                </c:pt>
                <c:pt idx="2884">
                  <c:v>3.0778535040291932E-2</c:v>
                </c:pt>
                <c:pt idx="2885">
                  <c:v>8.6848839012799717E-2</c:v>
                </c:pt>
                <c:pt idx="2886">
                  <c:v>3.3576116627225483E-2</c:v>
                </c:pt>
                <c:pt idx="2887">
                  <c:v>-3.5323307101773116E-2</c:v>
                </c:pt>
                <c:pt idx="2888">
                  <c:v>4.722636135624303E-2</c:v>
                </c:pt>
                <c:pt idx="2889">
                  <c:v>5.6299334010168067E-4</c:v>
                </c:pt>
                <c:pt idx="2890">
                  <c:v>-1.6950845336716203E-3</c:v>
                </c:pt>
                <c:pt idx="2891">
                  <c:v>-8.087505652831728E-2</c:v>
                </c:pt>
                <c:pt idx="2892">
                  <c:v>8.93192011027788E-3</c:v>
                </c:pt>
                <c:pt idx="2893">
                  <c:v>2.7162089976734527E-2</c:v>
                </c:pt>
                <c:pt idx="2894">
                  <c:v>8.2049047509206163E-3</c:v>
                </c:pt>
                <c:pt idx="2895">
                  <c:v>-6.2027848436912669E-2</c:v>
                </c:pt>
                <c:pt idx="2896">
                  <c:v>-9.1130307713823022E-2</c:v>
                </c:pt>
                <c:pt idx="2897">
                  <c:v>-4.006500729192608E-2</c:v>
                </c:pt>
                <c:pt idx="2898">
                  <c:v>2.2000964749939511E-2</c:v>
                </c:pt>
                <c:pt idx="2899">
                  <c:v>-2.9521520352919217E-2</c:v>
                </c:pt>
                <c:pt idx="2900">
                  <c:v>2.9345577714857352E-2</c:v>
                </c:pt>
                <c:pt idx="2901">
                  <c:v>0.1843477611154144</c:v>
                </c:pt>
                <c:pt idx="2902">
                  <c:v>0.29253091976339185</c:v>
                </c:pt>
                <c:pt idx="2903">
                  <c:v>0.33999606399459181</c:v>
                </c:pt>
                <c:pt idx="2904">
                  <c:v>6.7466137313410446E-2</c:v>
                </c:pt>
                <c:pt idx="2905">
                  <c:v>-2.1137378430066245E-2</c:v>
                </c:pt>
                <c:pt idx="2906">
                  <c:v>-4.7890018506781207E-2</c:v>
                </c:pt>
                <c:pt idx="2907">
                  <c:v>-7.9562124847215143E-2</c:v>
                </c:pt>
                <c:pt idx="2908">
                  <c:v>-3.9444171090556646E-2</c:v>
                </c:pt>
                <c:pt idx="2909">
                  <c:v>-5.1308017849327259E-2</c:v>
                </c:pt>
                <c:pt idx="2910">
                  <c:v>4.9055862145369167E-2</c:v>
                </c:pt>
                <c:pt idx="2911">
                  <c:v>8.1533553574314355E-2</c:v>
                </c:pt>
                <c:pt idx="2912">
                  <c:v>6.5012959831749706E-2</c:v>
                </c:pt>
                <c:pt idx="2913">
                  <c:v>2.2377491831771623E-2</c:v>
                </c:pt>
                <c:pt idx="2914">
                  <c:v>-2.1432187995474306E-2</c:v>
                </c:pt>
                <c:pt idx="2915">
                  <c:v>-1.3920102286741121E-2</c:v>
                </c:pt>
                <c:pt idx="2916">
                  <c:v>-6.5019111565562948E-3</c:v>
                </c:pt>
                <c:pt idx="2917">
                  <c:v>3.2759868436585071E-2</c:v>
                </c:pt>
                <c:pt idx="2918">
                  <c:v>-2.6656876295156451E-2</c:v>
                </c:pt>
                <c:pt idx="2919">
                  <c:v>-4.1854236309250781E-2</c:v>
                </c:pt>
                <c:pt idx="2920">
                  <c:v>-3.6707871465958219E-2</c:v>
                </c:pt>
                <c:pt idx="2921">
                  <c:v>-5.767828277416498E-2</c:v>
                </c:pt>
                <c:pt idx="2922">
                  <c:v>-1.2777149665189169E-2</c:v>
                </c:pt>
                <c:pt idx="2923">
                  <c:v>-4.3257741882170908E-2</c:v>
                </c:pt>
                <c:pt idx="2924">
                  <c:v>-5.8198220515829346E-3</c:v>
                </c:pt>
                <c:pt idx="2925">
                  <c:v>-3.3370169394252858E-2</c:v>
                </c:pt>
                <c:pt idx="2926">
                  <c:v>-1.9238959770000008E-2</c:v>
                </c:pt>
                <c:pt idx="2927">
                  <c:v>-3.0587744116060911E-2</c:v>
                </c:pt>
                <c:pt idx="2928">
                  <c:v>3.953103563508642E-3</c:v>
                </c:pt>
                <c:pt idx="2929">
                  <c:v>1.8719564700177105E-2</c:v>
                </c:pt>
                <c:pt idx="2930">
                  <c:v>1.2612538480118674E-2</c:v>
                </c:pt>
                <c:pt idx="2931">
                  <c:v>9.0673962830248866E-3</c:v>
                </c:pt>
                <c:pt idx="2932">
                  <c:v>-1.4640752330601692E-2</c:v>
                </c:pt>
                <c:pt idx="2933">
                  <c:v>-8.1843272449233284E-2</c:v>
                </c:pt>
                <c:pt idx="2934">
                  <c:v>-5.2975524918772332E-2</c:v>
                </c:pt>
                <c:pt idx="2935">
                  <c:v>2.168462992795217E-2</c:v>
                </c:pt>
                <c:pt idx="2936">
                  <c:v>-6.9622554662201908E-2</c:v>
                </c:pt>
                <c:pt idx="2937">
                  <c:v>-7.4195480277293058E-2</c:v>
                </c:pt>
                <c:pt idx="2938">
                  <c:v>-5.7843541242515006E-2</c:v>
                </c:pt>
                <c:pt idx="2939">
                  <c:v>1.4787108819506734E-2</c:v>
                </c:pt>
                <c:pt idx="2940">
                  <c:v>2.025521849443046E-2</c:v>
                </c:pt>
                <c:pt idx="2941">
                  <c:v>-5.3825440557645488E-3</c:v>
                </c:pt>
                <c:pt idx="2942">
                  <c:v>8.6174799176909067E-3</c:v>
                </c:pt>
                <c:pt idx="2943">
                  <c:v>1.0258837033169099E-3</c:v>
                </c:pt>
                <c:pt idx="2944">
                  <c:v>1.5689405004276735E-2</c:v>
                </c:pt>
                <c:pt idx="2945">
                  <c:v>-1.4826800869582768E-2</c:v>
                </c:pt>
                <c:pt idx="2946">
                  <c:v>-6.123942398326232E-2</c:v>
                </c:pt>
                <c:pt idx="2947">
                  <c:v>-3.5339988994005145E-2</c:v>
                </c:pt>
                <c:pt idx="2948">
                  <c:v>-1.7393223140195535E-2</c:v>
                </c:pt>
                <c:pt idx="2949">
                  <c:v>-7.3534396277576519E-2</c:v>
                </c:pt>
                <c:pt idx="2950">
                  <c:v>-6.9923426605813521E-3</c:v>
                </c:pt>
                <c:pt idx="2951">
                  <c:v>-1.2333888476214749E-2</c:v>
                </c:pt>
                <c:pt idx="2952">
                  <c:v>-1.2416200243731024E-2</c:v>
                </c:pt>
                <c:pt idx="2953">
                  <c:v>-4.1262025865905105E-2</c:v>
                </c:pt>
                <c:pt idx="2954">
                  <c:v>2.0674912324353367E-2</c:v>
                </c:pt>
                <c:pt idx="2955">
                  <c:v>-4.3984224740241884E-2</c:v>
                </c:pt>
                <c:pt idx="2956">
                  <c:v>-1.1411830173499227E-2</c:v>
                </c:pt>
                <c:pt idx="2957">
                  <c:v>-5.7377944784774648E-2</c:v>
                </c:pt>
                <c:pt idx="2958">
                  <c:v>5.576545897360885E-2</c:v>
                </c:pt>
                <c:pt idx="2959">
                  <c:v>-6.8245076996561793E-2</c:v>
                </c:pt>
                <c:pt idx="2960">
                  <c:v>-6.683649123061941E-2</c:v>
                </c:pt>
                <c:pt idx="2961">
                  <c:v>-7.2326054241757864E-2</c:v>
                </c:pt>
                <c:pt idx="2962">
                  <c:v>-0.130455120057972</c:v>
                </c:pt>
                <c:pt idx="2963">
                  <c:v>-7.0990369572600631E-2</c:v>
                </c:pt>
                <c:pt idx="2964">
                  <c:v>-0.10293013808346796</c:v>
                </c:pt>
                <c:pt idx="2965">
                  <c:v>-0.10253829704926731</c:v>
                </c:pt>
                <c:pt idx="2966">
                  <c:v>-6.8910866331643672E-2</c:v>
                </c:pt>
                <c:pt idx="2967">
                  <c:v>-5.5301694668993928E-2</c:v>
                </c:pt>
                <c:pt idx="2968">
                  <c:v>-7.9059075314788063E-2</c:v>
                </c:pt>
                <c:pt idx="2969">
                  <c:v>-6.609442126808629E-2</c:v>
                </c:pt>
                <c:pt idx="2970">
                  <c:v>-3.1250467028327122E-2</c:v>
                </c:pt>
                <c:pt idx="2971">
                  <c:v>-6.3130681845011472E-2</c:v>
                </c:pt>
                <c:pt idx="2972">
                  <c:v>-2.7009519277745531E-2</c:v>
                </c:pt>
                <c:pt idx="2973">
                  <c:v>-1.0473988619873809E-2</c:v>
                </c:pt>
                <c:pt idx="2974">
                  <c:v>8.8366052861468036E-2</c:v>
                </c:pt>
                <c:pt idx="2975">
                  <c:v>-6.8365043070489628E-3</c:v>
                </c:pt>
                <c:pt idx="2976">
                  <c:v>3.0289438058586304E-2</c:v>
                </c:pt>
                <c:pt idx="2977">
                  <c:v>3.7386093580017876E-2</c:v>
                </c:pt>
                <c:pt idx="2978">
                  <c:v>4.9071919274839448E-2</c:v>
                </c:pt>
                <c:pt idx="2979">
                  <c:v>3.3836117462663684E-2</c:v>
                </c:pt>
                <c:pt idx="2980">
                  <c:v>3.6360103085854023E-3</c:v>
                </c:pt>
                <c:pt idx="2981">
                  <c:v>0.19646188711045198</c:v>
                </c:pt>
                <c:pt idx="2982">
                  <c:v>7.8143758638162031E-2</c:v>
                </c:pt>
                <c:pt idx="2983">
                  <c:v>7.3068164160048021E-2</c:v>
                </c:pt>
                <c:pt idx="2984">
                  <c:v>2.8858728426160885E-2</c:v>
                </c:pt>
                <c:pt idx="2985">
                  <c:v>2.8011867586617445E-2</c:v>
                </c:pt>
                <c:pt idx="2986">
                  <c:v>-1.85559465973133E-2</c:v>
                </c:pt>
                <c:pt idx="2987">
                  <c:v>-3.8756809278453264E-2</c:v>
                </c:pt>
                <c:pt idx="2988">
                  <c:v>-4.7609880695738682E-2</c:v>
                </c:pt>
                <c:pt idx="2989">
                  <c:v>-1.1655024890621202E-2</c:v>
                </c:pt>
                <c:pt idx="2990">
                  <c:v>-2.4813569701911509E-2</c:v>
                </c:pt>
                <c:pt idx="2991">
                  <c:v>0.22067178560466627</c:v>
                </c:pt>
                <c:pt idx="2992">
                  <c:v>6.3622643291337377E-2</c:v>
                </c:pt>
                <c:pt idx="2993">
                  <c:v>5.352198456618007E-2</c:v>
                </c:pt>
                <c:pt idx="2994">
                  <c:v>9.5559175385800166E-2</c:v>
                </c:pt>
                <c:pt idx="2995">
                  <c:v>1.8120249396576971E-2</c:v>
                </c:pt>
                <c:pt idx="2996">
                  <c:v>-4.8134071909467169E-2</c:v>
                </c:pt>
                <c:pt idx="2997">
                  <c:v>-3.3675445915341329E-2</c:v>
                </c:pt>
                <c:pt idx="2998">
                  <c:v>-1.4615000481285501E-2</c:v>
                </c:pt>
                <c:pt idx="2999">
                  <c:v>-7.5870463432311519E-3</c:v>
                </c:pt>
                <c:pt idx="3000">
                  <c:v>2.3941510581919623E-2</c:v>
                </c:pt>
                <c:pt idx="3001">
                  <c:v>2.4076598820578554E-2</c:v>
                </c:pt>
                <c:pt idx="3002">
                  <c:v>5.5655441156973295E-2</c:v>
                </c:pt>
                <c:pt idx="3003">
                  <c:v>3.6870818312086828E-2</c:v>
                </c:pt>
                <c:pt idx="3004">
                  <c:v>1.4758893516087945E-2</c:v>
                </c:pt>
                <c:pt idx="3005">
                  <c:v>-7.2163005690063731E-2</c:v>
                </c:pt>
                <c:pt idx="3006">
                  <c:v>7.3889057389181501E-3</c:v>
                </c:pt>
                <c:pt idx="3007">
                  <c:v>-1.0086498404494604E-2</c:v>
                </c:pt>
                <c:pt idx="3008">
                  <c:v>-5.291620587385959E-2</c:v>
                </c:pt>
                <c:pt idx="3009">
                  <c:v>-5.3034865031266087E-2</c:v>
                </c:pt>
                <c:pt idx="3010">
                  <c:v>-7.4331387972227048E-2</c:v>
                </c:pt>
                <c:pt idx="3011">
                  <c:v>-2.2139516063123477E-2</c:v>
                </c:pt>
                <c:pt idx="3012">
                  <c:v>-1.317880020123241E-2</c:v>
                </c:pt>
                <c:pt idx="3013">
                  <c:v>-3.8463595037495302E-2</c:v>
                </c:pt>
                <c:pt idx="3014">
                  <c:v>-2.1006369311072248E-2</c:v>
                </c:pt>
                <c:pt idx="3015">
                  <c:v>-3.988829677684147E-2</c:v>
                </c:pt>
                <c:pt idx="3016">
                  <c:v>4.0504054964594083E-2</c:v>
                </c:pt>
                <c:pt idx="3017">
                  <c:v>-4.4298270460526923E-2</c:v>
                </c:pt>
                <c:pt idx="3018">
                  <c:v>-1.6475026743115073E-2</c:v>
                </c:pt>
                <c:pt idx="3019">
                  <c:v>8.4836078596608244E-2</c:v>
                </c:pt>
                <c:pt idx="3020">
                  <c:v>2.3080583136127042E-2</c:v>
                </c:pt>
                <c:pt idx="3021">
                  <c:v>8.4333927705504741E-2</c:v>
                </c:pt>
                <c:pt idx="3022">
                  <c:v>0.13931963407789916</c:v>
                </c:pt>
                <c:pt idx="3023">
                  <c:v>9.7638970667024427E-3</c:v>
                </c:pt>
                <c:pt idx="3024">
                  <c:v>-2.641692380618621E-3</c:v>
                </c:pt>
                <c:pt idx="3025">
                  <c:v>8.9982314128536078E-3</c:v>
                </c:pt>
                <c:pt idx="3026">
                  <c:v>2.7930482066221729E-2</c:v>
                </c:pt>
                <c:pt idx="3027">
                  <c:v>3.465263372011762E-2</c:v>
                </c:pt>
                <c:pt idx="3028">
                  <c:v>6.748354422103553E-2</c:v>
                </c:pt>
                <c:pt idx="3029">
                  <c:v>-2.076860276530168E-2</c:v>
                </c:pt>
                <c:pt idx="3030">
                  <c:v>-1.458922829085596E-2</c:v>
                </c:pt>
                <c:pt idx="3031">
                  <c:v>0.12275494734012327</c:v>
                </c:pt>
                <c:pt idx="3032">
                  <c:v>4.4233936604741619E-2</c:v>
                </c:pt>
                <c:pt idx="3033">
                  <c:v>-1.0196004787424995E-3</c:v>
                </c:pt>
                <c:pt idx="3034">
                  <c:v>-1.1063620827120535E-2</c:v>
                </c:pt>
                <c:pt idx="3035">
                  <c:v>1.9057621651662471E-2</c:v>
                </c:pt>
                <c:pt idx="3036">
                  <c:v>6.9836092036273056E-2</c:v>
                </c:pt>
                <c:pt idx="3037">
                  <c:v>4.7943716866233999E-2</c:v>
                </c:pt>
                <c:pt idx="3038">
                  <c:v>8.1442907035664813E-2</c:v>
                </c:pt>
                <c:pt idx="3039">
                  <c:v>0.24588317372219215</c:v>
                </c:pt>
                <c:pt idx="3040">
                  <c:v>0.2565484988440081</c:v>
                </c:pt>
                <c:pt idx="3041">
                  <c:v>-8.5559545884643651E-3</c:v>
                </c:pt>
                <c:pt idx="3042">
                  <c:v>-1.080855852338003E-2</c:v>
                </c:pt>
                <c:pt idx="3043">
                  <c:v>-3.7263457734979855E-2</c:v>
                </c:pt>
                <c:pt idx="3044">
                  <c:v>-3.8993631415395469E-2</c:v>
                </c:pt>
                <c:pt idx="3045">
                  <c:v>-7.1017522052853499E-2</c:v>
                </c:pt>
                <c:pt idx="3046">
                  <c:v>-9.2866264808602716E-2</c:v>
                </c:pt>
                <c:pt idx="3047">
                  <c:v>-0.11822186415405456</c:v>
                </c:pt>
                <c:pt idx="3048">
                  <c:v>-9.1072474296641892E-2</c:v>
                </c:pt>
                <c:pt idx="3049">
                  <c:v>-2.7584421613158661E-2</c:v>
                </c:pt>
                <c:pt idx="3050">
                  <c:v>1.4222969112383632E-2</c:v>
                </c:pt>
                <c:pt idx="3051">
                  <c:v>-4.5812468012690677E-2</c:v>
                </c:pt>
                <c:pt idx="3052">
                  <c:v>-6.8633248639233702E-2</c:v>
                </c:pt>
                <c:pt idx="3053">
                  <c:v>-8.6014007762313605E-2</c:v>
                </c:pt>
                <c:pt idx="3054">
                  <c:v>-6.8065064682922949E-2</c:v>
                </c:pt>
                <c:pt idx="3055">
                  <c:v>-9.2243770806506808E-2</c:v>
                </c:pt>
                <c:pt idx="3056">
                  <c:v>-9.3006110688346189E-2</c:v>
                </c:pt>
                <c:pt idx="3057">
                  <c:v>-9.4675079412068541E-2</c:v>
                </c:pt>
                <c:pt idx="3058">
                  <c:v>-7.4716499730298258E-2</c:v>
                </c:pt>
                <c:pt idx="3059">
                  <c:v>-0.10322928175892532</c:v>
                </c:pt>
                <c:pt idx="3060">
                  <c:v>-0.10583894850974074</c:v>
                </c:pt>
                <c:pt idx="3061">
                  <c:v>-8.0795593243117247E-2</c:v>
                </c:pt>
                <c:pt idx="3062">
                  <c:v>-4.3774680762573404E-2</c:v>
                </c:pt>
                <c:pt idx="3063">
                  <c:v>-8.7997023659256879E-2</c:v>
                </c:pt>
                <c:pt idx="3064">
                  <c:v>-9.1219162781574381E-2</c:v>
                </c:pt>
                <c:pt idx="3065">
                  <c:v>-7.5357173602320082E-2</c:v>
                </c:pt>
                <c:pt idx="3066">
                  <c:v>-5.5956336347571356E-2</c:v>
                </c:pt>
                <c:pt idx="3067">
                  <c:v>-8.4016280155163603E-4</c:v>
                </c:pt>
                <c:pt idx="3068">
                  <c:v>-1.8143254469141445E-2</c:v>
                </c:pt>
                <c:pt idx="3069">
                  <c:v>-2.6675968609302658E-2</c:v>
                </c:pt>
                <c:pt idx="3070">
                  <c:v>-5.3745453488772355E-2</c:v>
                </c:pt>
                <c:pt idx="3071">
                  <c:v>8.4776739937052592E-2</c:v>
                </c:pt>
                <c:pt idx="3072">
                  <c:v>3.6254879960189723E-2</c:v>
                </c:pt>
                <c:pt idx="3073">
                  <c:v>-2.5643802407879002E-2</c:v>
                </c:pt>
                <c:pt idx="3074">
                  <c:v>-1.962701299833447E-2</c:v>
                </c:pt>
                <c:pt idx="3075">
                  <c:v>-2.1194924165784945E-3</c:v>
                </c:pt>
                <c:pt idx="3076">
                  <c:v>5.2654633687426955E-2</c:v>
                </c:pt>
                <c:pt idx="3077">
                  <c:v>-4.8636841025119337E-2</c:v>
                </c:pt>
                <c:pt idx="3078">
                  <c:v>1.8765293702065367E-2</c:v>
                </c:pt>
                <c:pt idx="3079">
                  <c:v>9.1114674841907828E-4</c:v>
                </c:pt>
                <c:pt idx="3080">
                  <c:v>0.10716084190414588</c:v>
                </c:pt>
                <c:pt idx="3081">
                  <c:v>-2.3054645310918942E-2</c:v>
                </c:pt>
                <c:pt idx="3082">
                  <c:v>-2.3339000997071313E-3</c:v>
                </c:pt>
                <c:pt idx="3083">
                  <c:v>4.254755080283823E-2</c:v>
                </c:pt>
                <c:pt idx="3084">
                  <c:v>7.2662953202726754E-3</c:v>
                </c:pt>
                <c:pt idx="3085">
                  <c:v>5.4902796721448932E-2</c:v>
                </c:pt>
                <c:pt idx="3086">
                  <c:v>5.0508073787395302E-3</c:v>
                </c:pt>
                <c:pt idx="3087">
                  <c:v>5.6358451823345312E-2</c:v>
                </c:pt>
                <c:pt idx="3088">
                  <c:v>2.2365858894424551E-2</c:v>
                </c:pt>
                <c:pt idx="3089">
                  <c:v>2.2991670677376841E-2</c:v>
                </c:pt>
                <c:pt idx="3090">
                  <c:v>6.8047196467911131E-2</c:v>
                </c:pt>
                <c:pt idx="3091">
                  <c:v>7.3235408792808987E-2</c:v>
                </c:pt>
                <c:pt idx="3092">
                  <c:v>3.2445641099218658E-2</c:v>
                </c:pt>
                <c:pt idx="3093">
                  <c:v>0.11270069323239906</c:v>
                </c:pt>
                <c:pt idx="3094">
                  <c:v>6.2756050845518274E-2</c:v>
                </c:pt>
                <c:pt idx="3095">
                  <c:v>3.4671686804974011E-2</c:v>
                </c:pt>
                <c:pt idx="3096">
                  <c:v>-1.4686065792635095E-4</c:v>
                </c:pt>
                <c:pt idx="3097">
                  <c:v>4.3804180461994857E-3</c:v>
                </c:pt>
                <c:pt idx="3098">
                  <c:v>-4.942361639566295E-3</c:v>
                </c:pt>
                <c:pt idx="3099">
                  <c:v>-5.3822541949006819E-3</c:v>
                </c:pt>
                <c:pt idx="3100">
                  <c:v>-1.2159214251855621E-2</c:v>
                </c:pt>
                <c:pt idx="3101">
                  <c:v>2.886021841270292E-3</c:v>
                </c:pt>
                <c:pt idx="3102">
                  <c:v>-4.3827899652926217E-3</c:v>
                </c:pt>
                <c:pt idx="3103">
                  <c:v>-1.4097647513934608E-2</c:v>
                </c:pt>
                <c:pt idx="3104">
                  <c:v>-2.4080507220187286E-2</c:v>
                </c:pt>
                <c:pt idx="3105">
                  <c:v>-1.1092120906124103E-2</c:v>
                </c:pt>
                <c:pt idx="3106">
                  <c:v>-8.3586210904652569E-3</c:v>
                </c:pt>
                <c:pt idx="3107">
                  <c:v>-4.3404408573053388E-2</c:v>
                </c:pt>
                <c:pt idx="3108">
                  <c:v>-2.7387116447424753E-2</c:v>
                </c:pt>
                <c:pt idx="3109">
                  <c:v>8.1818546373202405E-3</c:v>
                </c:pt>
                <c:pt idx="3110">
                  <c:v>-1.1891109662210408E-2</c:v>
                </c:pt>
                <c:pt idx="3111">
                  <c:v>3.0090289116236901E-3</c:v>
                </c:pt>
                <c:pt idx="3112">
                  <c:v>-3.6852916679531056E-2</c:v>
                </c:pt>
                <c:pt idx="3113">
                  <c:v>-3.4427411829446752E-2</c:v>
                </c:pt>
                <c:pt idx="3114">
                  <c:v>-4.4556617127580522E-2</c:v>
                </c:pt>
                <c:pt idx="3115">
                  <c:v>-3.0878911895737438E-2</c:v>
                </c:pt>
                <c:pt idx="3116">
                  <c:v>2.5769267847057131E-2</c:v>
                </c:pt>
                <c:pt idx="3117">
                  <c:v>-2.3178910624417237E-2</c:v>
                </c:pt>
                <c:pt idx="3118">
                  <c:v>-6.5133254269356122E-3</c:v>
                </c:pt>
                <c:pt idx="3119">
                  <c:v>-1.849664644057758E-2</c:v>
                </c:pt>
                <c:pt idx="3120">
                  <c:v>3.1193753825310422E-2</c:v>
                </c:pt>
                <c:pt idx="3121">
                  <c:v>3.1750476290798524E-2</c:v>
                </c:pt>
                <c:pt idx="3122">
                  <c:v>8.687831110643196E-3</c:v>
                </c:pt>
                <c:pt idx="3123">
                  <c:v>6.6731448269096383E-2</c:v>
                </c:pt>
                <c:pt idx="3124">
                  <c:v>5.2535595313552785E-2</c:v>
                </c:pt>
                <c:pt idx="3125">
                  <c:v>6.9052619190754672E-2</c:v>
                </c:pt>
                <c:pt idx="3126">
                  <c:v>-1.7978748621980345E-2</c:v>
                </c:pt>
                <c:pt idx="3127">
                  <c:v>-3.6720268647987497E-2</c:v>
                </c:pt>
                <c:pt idx="3128">
                  <c:v>-5.3020251394364393E-2</c:v>
                </c:pt>
                <c:pt idx="3129">
                  <c:v>4.670800513613238E-3</c:v>
                </c:pt>
                <c:pt idx="3130">
                  <c:v>-5.9636489777681878E-2</c:v>
                </c:pt>
                <c:pt idx="3131">
                  <c:v>5.2377923353958744E-2</c:v>
                </c:pt>
                <c:pt idx="3132">
                  <c:v>-4.5185901429137809E-3</c:v>
                </c:pt>
                <c:pt idx="3133">
                  <c:v>1.4382019908864341E-2</c:v>
                </c:pt>
                <c:pt idx="3134">
                  <c:v>4.0341538914184016E-2</c:v>
                </c:pt>
                <c:pt idx="3135">
                  <c:v>0.11598451968638768</c:v>
                </c:pt>
                <c:pt idx="3136">
                  <c:v>-5.3357679224276811E-2</c:v>
                </c:pt>
                <c:pt idx="3137">
                  <c:v>-6.5103904948883629E-2</c:v>
                </c:pt>
                <c:pt idx="3138">
                  <c:v>-8.4850103794162468E-2</c:v>
                </c:pt>
                <c:pt idx="3139">
                  <c:v>-4.7268085338234234E-2</c:v>
                </c:pt>
                <c:pt idx="3140">
                  <c:v>-6.6387220695629412E-2</c:v>
                </c:pt>
                <c:pt idx="3141">
                  <c:v>-1.3449878225746614E-2</c:v>
                </c:pt>
                <c:pt idx="3142">
                  <c:v>-4.1109491490330941E-3</c:v>
                </c:pt>
                <c:pt idx="3143">
                  <c:v>7.7642122813103009E-2</c:v>
                </c:pt>
                <c:pt idx="3144">
                  <c:v>6.740471586915564E-2</c:v>
                </c:pt>
                <c:pt idx="3145">
                  <c:v>-4.5035013957275272E-3</c:v>
                </c:pt>
                <c:pt idx="3146">
                  <c:v>-1.8455885029122765E-2</c:v>
                </c:pt>
                <c:pt idx="3147">
                  <c:v>3.0391912228096118E-2</c:v>
                </c:pt>
                <c:pt idx="3148">
                  <c:v>-1.1028384933773006E-2</c:v>
                </c:pt>
                <c:pt idx="3149">
                  <c:v>1.9120534535396194E-2</c:v>
                </c:pt>
                <c:pt idx="3150">
                  <c:v>5.2593088743561056E-3</c:v>
                </c:pt>
                <c:pt idx="3151">
                  <c:v>1.408184828072212E-2</c:v>
                </c:pt>
                <c:pt idx="3152">
                  <c:v>-1.1035959092568048E-2</c:v>
                </c:pt>
                <c:pt idx="3153">
                  <c:v>-5.0697538180450863E-2</c:v>
                </c:pt>
                <c:pt idx="3154">
                  <c:v>-7.175079884273583E-2</c:v>
                </c:pt>
                <c:pt idx="3155">
                  <c:v>-8.7685099952960588E-2</c:v>
                </c:pt>
                <c:pt idx="3156">
                  <c:v>-8.6226063867462899E-2</c:v>
                </c:pt>
                <c:pt idx="3157">
                  <c:v>-0.10415029104137441</c:v>
                </c:pt>
                <c:pt idx="3158">
                  <c:v>-1.5976938262905027E-2</c:v>
                </c:pt>
                <c:pt idx="3159">
                  <c:v>-3.2818623015606896E-2</c:v>
                </c:pt>
                <c:pt idx="3160">
                  <c:v>-0.11987483604517868</c:v>
                </c:pt>
                <c:pt idx="3161">
                  <c:v>-9.1612012153815536E-2</c:v>
                </c:pt>
                <c:pt idx="3162">
                  <c:v>-4.9911783497909257E-2</c:v>
                </c:pt>
                <c:pt idx="3163">
                  <c:v>-1.3053567231919527E-2</c:v>
                </c:pt>
                <c:pt idx="3164">
                  <c:v>1.5530745047752648E-3</c:v>
                </c:pt>
                <c:pt idx="3165">
                  <c:v>2.0454183640294388E-2</c:v>
                </c:pt>
                <c:pt idx="3166">
                  <c:v>-5.0995396006968674E-3</c:v>
                </c:pt>
                <c:pt idx="3167">
                  <c:v>2.6891947643423508E-2</c:v>
                </c:pt>
                <c:pt idx="3168">
                  <c:v>-4.5094288687616446E-2</c:v>
                </c:pt>
                <c:pt idx="3169">
                  <c:v>-7.2095137565859169E-2</c:v>
                </c:pt>
                <c:pt idx="3170">
                  <c:v>5.6291404608356244E-2</c:v>
                </c:pt>
                <c:pt idx="3171">
                  <c:v>9.7040025862270007E-2</c:v>
                </c:pt>
                <c:pt idx="3172">
                  <c:v>3.6529621564484915E-2</c:v>
                </c:pt>
                <c:pt idx="3173">
                  <c:v>-1.6143637317951876E-2</c:v>
                </c:pt>
                <c:pt idx="3174">
                  <c:v>0.10290450319555067</c:v>
                </c:pt>
                <c:pt idx="3175">
                  <c:v>0.10050256861039286</c:v>
                </c:pt>
                <c:pt idx="3176">
                  <c:v>2.0099438984837237E-2</c:v>
                </c:pt>
                <c:pt idx="3177">
                  <c:v>4.4496480079328826E-2</c:v>
                </c:pt>
                <c:pt idx="3178">
                  <c:v>2.7576190726993133E-2</c:v>
                </c:pt>
                <c:pt idx="3179">
                  <c:v>-3.8432752098131462E-2</c:v>
                </c:pt>
                <c:pt idx="3180">
                  <c:v>-3.7393064043632518E-2</c:v>
                </c:pt>
                <c:pt idx="3181">
                  <c:v>-4.2818356401729929E-2</c:v>
                </c:pt>
                <c:pt idx="3182">
                  <c:v>-0.1641351608854924</c:v>
                </c:pt>
                <c:pt idx="3183">
                  <c:v>-0.11052268815075728</c:v>
                </c:pt>
                <c:pt idx="3184">
                  <c:v>-2.2196819158422643E-2</c:v>
                </c:pt>
                <c:pt idx="3185">
                  <c:v>-0.16464375191833103</c:v>
                </c:pt>
                <c:pt idx="3186">
                  <c:v>-5.074078556652728E-2</c:v>
                </c:pt>
                <c:pt idx="3187">
                  <c:v>-2.7514623989074116E-2</c:v>
                </c:pt>
                <c:pt idx="3188">
                  <c:v>-3.0959371169014593E-2</c:v>
                </c:pt>
                <c:pt idx="3189">
                  <c:v>6.6290474728898374E-3</c:v>
                </c:pt>
                <c:pt idx="3190">
                  <c:v>1.4127668091153733E-2</c:v>
                </c:pt>
                <c:pt idx="3191">
                  <c:v>-4.9007817162452061E-2</c:v>
                </c:pt>
                <c:pt idx="3192">
                  <c:v>-1.9396943384507481E-2</c:v>
                </c:pt>
                <c:pt idx="3193">
                  <c:v>9.4664453359856182E-3</c:v>
                </c:pt>
                <c:pt idx="3194">
                  <c:v>9.3589232286434898E-2</c:v>
                </c:pt>
                <c:pt idx="3195">
                  <c:v>4.7496940297020007E-2</c:v>
                </c:pt>
                <c:pt idx="3196">
                  <c:v>0.11050293620337204</c:v>
                </c:pt>
                <c:pt idx="3197">
                  <c:v>1.0943624241518179E-2</c:v>
                </c:pt>
                <c:pt idx="3198">
                  <c:v>5.2024725349566925E-2</c:v>
                </c:pt>
                <c:pt idx="3199">
                  <c:v>6.3326264554335321E-2</c:v>
                </c:pt>
                <c:pt idx="3200">
                  <c:v>8.5017160998089869E-2</c:v>
                </c:pt>
                <c:pt idx="3201">
                  <c:v>0.10467573759237503</c:v>
                </c:pt>
                <c:pt idx="3202">
                  <c:v>0.10103287668744843</c:v>
                </c:pt>
                <c:pt idx="3203">
                  <c:v>0.15992556024329518</c:v>
                </c:pt>
                <c:pt idx="3204">
                  <c:v>6.345319673307559E-2</c:v>
                </c:pt>
                <c:pt idx="3205">
                  <c:v>5.921971344457222E-2</c:v>
                </c:pt>
                <c:pt idx="3206">
                  <c:v>0.13570461434520587</c:v>
                </c:pt>
                <c:pt idx="3207">
                  <c:v>0.15486084462840277</c:v>
                </c:pt>
                <c:pt idx="3208">
                  <c:v>0.28230713337414093</c:v>
                </c:pt>
                <c:pt idx="3209">
                  <c:v>0.21535086059254294</c:v>
                </c:pt>
                <c:pt idx="3210">
                  <c:v>8.5588860334650185E-2</c:v>
                </c:pt>
                <c:pt idx="3211">
                  <c:v>-8.5538868416608183E-2</c:v>
                </c:pt>
                <c:pt idx="3212">
                  <c:v>-7.7817863492969264E-2</c:v>
                </c:pt>
                <c:pt idx="3213">
                  <c:v>-0.11251201923688137</c:v>
                </c:pt>
                <c:pt idx="3214">
                  <c:v>-7.4738069301446108E-2</c:v>
                </c:pt>
                <c:pt idx="3215">
                  <c:v>5.3863559803784877E-2</c:v>
                </c:pt>
                <c:pt idx="3216">
                  <c:v>-8.7641637532259953E-2</c:v>
                </c:pt>
                <c:pt idx="3217">
                  <c:v>-8.4487053426296699E-2</c:v>
                </c:pt>
                <c:pt idx="3218">
                  <c:v>-5.6868007606123649E-2</c:v>
                </c:pt>
                <c:pt idx="3219">
                  <c:v>-1.071474676224593E-3</c:v>
                </c:pt>
                <c:pt idx="3220">
                  <c:v>4.0201051562906542E-2</c:v>
                </c:pt>
                <c:pt idx="3221">
                  <c:v>3.8170469425673925E-2</c:v>
                </c:pt>
                <c:pt idx="3222">
                  <c:v>8.2292877159648725E-2</c:v>
                </c:pt>
                <c:pt idx="3223">
                  <c:v>7.2650404188814965E-2</c:v>
                </c:pt>
                <c:pt idx="3224">
                  <c:v>7.2590580974884134E-2</c:v>
                </c:pt>
                <c:pt idx="3225">
                  <c:v>2.5383489191061037E-2</c:v>
                </c:pt>
                <c:pt idx="3226">
                  <c:v>3.0211689965110478E-2</c:v>
                </c:pt>
                <c:pt idx="3227">
                  <c:v>8.6094989366322094E-2</c:v>
                </c:pt>
                <c:pt idx="3228">
                  <c:v>2.28238666640046E-2</c:v>
                </c:pt>
                <c:pt idx="3229">
                  <c:v>7.4874380186297662E-2</c:v>
                </c:pt>
                <c:pt idx="3230">
                  <c:v>0.14338388947511105</c:v>
                </c:pt>
                <c:pt idx="3231">
                  <c:v>0.1219191782190312</c:v>
                </c:pt>
                <c:pt idx="3232">
                  <c:v>4.0299900655456966E-2</c:v>
                </c:pt>
                <c:pt idx="3233">
                  <c:v>2.8933017803917105E-3</c:v>
                </c:pt>
                <c:pt idx="3234">
                  <c:v>-5.8320875975511055E-2</c:v>
                </c:pt>
                <c:pt idx="3235">
                  <c:v>0.15551107301187861</c:v>
                </c:pt>
                <c:pt idx="3236">
                  <c:v>4.242848554963552E-2</c:v>
                </c:pt>
                <c:pt idx="3237">
                  <c:v>7.0207129196943496E-2</c:v>
                </c:pt>
                <c:pt idx="3238">
                  <c:v>-0.14500203810689605</c:v>
                </c:pt>
                <c:pt idx="3239">
                  <c:v>6.1132910649846939E-2</c:v>
                </c:pt>
                <c:pt idx="3240">
                  <c:v>6.7356942585389601E-2</c:v>
                </c:pt>
                <c:pt idx="3241">
                  <c:v>2.0594139943228229E-2</c:v>
                </c:pt>
                <c:pt idx="3242">
                  <c:v>-8.7290223734084016E-2</c:v>
                </c:pt>
                <c:pt idx="3243">
                  <c:v>-2.5213757857208807E-2</c:v>
                </c:pt>
                <c:pt idx="3244">
                  <c:v>4.2683877669994152E-2</c:v>
                </c:pt>
                <c:pt idx="3245">
                  <c:v>0.10241631284632069</c:v>
                </c:pt>
                <c:pt idx="3246">
                  <c:v>3.1824229534930915E-2</c:v>
                </c:pt>
                <c:pt idx="3247">
                  <c:v>3.5315762728182376E-2</c:v>
                </c:pt>
                <c:pt idx="3248">
                  <c:v>5.0569307802819097E-2</c:v>
                </c:pt>
                <c:pt idx="3249">
                  <c:v>2.3765360900381394E-2</c:v>
                </c:pt>
                <c:pt idx="3250">
                  <c:v>3.4946730620096011E-2</c:v>
                </c:pt>
                <c:pt idx="3251">
                  <c:v>1.9904122162909932E-2</c:v>
                </c:pt>
                <c:pt idx="3252">
                  <c:v>1.4650267612768775E-2</c:v>
                </c:pt>
                <c:pt idx="3253">
                  <c:v>-3.9641931025464761E-2</c:v>
                </c:pt>
                <c:pt idx="3254">
                  <c:v>-0.10604769409871606</c:v>
                </c:pt>
                <c:pt idx="3255">
                  <c:v>-7.4240471913828987E-3</c:v>
                </c:pt>
                <c:pt idx="3256">
                  <c:v>-6.414299729935391E-2</c:v>
                </c:pt>
                <c:pt idx="3257">
                  <c:v>-0.11763659874793198</c:v>
                </c:pt>
                <c:pt idx="3258">
                  <c:v>-8.9773652809888915E-2</c:v>
                </c:pt>
                <c:pt idx="3259">
                  <c:v>-8.0513771478490037E-2</c:v>
                </c:pt>
                <c:pt idx="3260">
                  <c:v>-0.10826159107460975</c:v>
                </c:pt>
                <c:pt idx="3261">
                  <c:v>-0.14045149498101195</c:v>
                </c:pt>
                <c:pt idx="3262">
                  <c:v>-0.17382383506263055</c:v>
                </c:pt>
                <c:pt idx="3263">
                  <c:v>-0.17533657459285956</c:v>
                </c:pt>
                <c:pt idx="3264">
                  <c:v>-0.15054625260393462</c:v>
                </c:pt>
                <c:pt idx="3265">
                  <c:v>-0.11339573381473911</c:v>
                </c:pt>
                <c:pt idx="3266">
                  <c:v>-0.11938661809015105</c:v>
                </c:pt>
                <c:pt idx="3267">
                  <c:v>-4.0517080541727313E-2</c:v>
                </c:pt>
                <c:pt idx="3268">
                  <c:v>-0.10843439391655441</c:v>
                </c:pt>
                <c:pt idx="3269">
                  <c:v>-0.10096873679870788</c:v>
                </c:pt>
                <c:pt idx="3270">
                  <c:v>-0.11523238668456204</c:v>
                </c:pt>
                <c:pt idx="3271">
                  <c:v>-0.11527550403280695</c:v>
                </c:pt>
                <c:pt idx="3272">
                  <c:v>-0.13342962937402025</c:v>
                </c:pt>
                <c:pt idx="3273">
                  <c:v>-4.6642767553744968E-2</c:v>
                </c:pt>
                <c:pt idx="3274">
                  <c:v>-2.9318723086618315E-2</c:v>
                </c:pt>
                <c:pt idx="3275">
                  <c:v>-0.10883946030667802</c:v>
                </c:pt>
                <c:pt idx="3276">
                  <c:v>-5.4825987225053718E-2</c:v>
                </c:pt>
                <c:pt idx="3277">
                  <c:v>-7.5836382623603593E-2</c:v>
                </c:pt>
                <c:pt idx="3278">
                  <c:v>-2.0246086787538253E-2</c:v>
                </c:pt>
                <c:pt idx="3279">
                  <c:v>-0.1033825084588148</c:v>
                </c:pt>
                <c:pt idx="3280">
                  <c:v>-0.13445739172443583</c:v>
                </c:pt>
                <c:pt idx="3281">
                  <c:v>-0.12449850402009344</c:v>
                </c:pt>
                <c:pt idx="3282">
                  <c:v>-0.13927014705535112</c:v>
                </c:pt>
                <c:pt idx="3283">
                  <c:v>-0.13078714877526432</c:v>
                </c:pt>
                <c:pt idx="3284">
                  <c:v>-1.7331199453699542E-2</c:v>
                </c:pt>
                <c:pt idx="3285">
                  <c:v>3.1892373717132827E-3</c:v>
                </c:pt>
                <c:pt idx="3286">
                  <c:v>-2.6205303582033435E-2</c:v>
                </c:pt>
                <c:pt idx="3287">
                  <c:v>-8.1815244574643176E-2</c:v>
                </c:pt>
                <c:pt idx="3288">
                  <c:v>-1.4697334769323334E-2</c:v>
                </c:pt>
                <c:pt idx="3289">
                  <c:v>-0.12163896412880959</c:v>
                </c:pt>
                <c:pt idx="3290">
                  <c:v>-9.4259946350313761E-2</c:v>
                </c:pt>
                <c:pt idx="3291">
                  <c:v>-7.2320794611058004E-2</c:v>
                </c:pt>
                <c:pt idx="3292">
                  <c:v>-0.10019881476692161</c:v>
                </c:pt>
                <c:pt idx="3293">
                  <c:v>-6.5693297421581587E-2</c:v>
                </c:pt>
                <c:pt idx="3294">
                  <c:v>2.8417412719375923E-2</c:v>
                </c:pt>
                <c:pt idx="3295">
                  <c:v>9.7480970343750473E-2</c:v>
                </c:pt>
                <c:pt idx="3296">
                  <c:v>8.5286417040044027E-2</c:v>
                </c:pt>
                <c:pt idx="3297">
                  <c:v>0.13999849257821606</c:v>
                </c:pt>
                <c:pt idx="3298">
                  <c:v>8.8161803384976256E-2</c:v>
                </c:pt>
                <c:pt idx="3299">
                  <c:v>2.4977647659232938E-2</c:v>
                </c:pt>
                <c:pt idx="3300">
                  <c:v>-3.7779674505865501E-2</c:v>
                </c:pt>
                <c:pt idx="3301">
                  <c:v>-9.095274214551563E-2</c:v>
                </c:pt>
                <c:pt idx="3302">
                  <c:v>-4.568388602438378E-2</c:v>
                </c:pt>
                <c:pt idx="3303">
                  <c:v>-2.0164862543112561E-2</c:v>
                </c:pt>
                <c:pt idx="3304">
                  <c:v>3.6471418374924625E-2</c:v>
                </c:pt>
                <c:pt idx="3305">
                  <c:v>2.6806437962328067E-2</c:v>
                </c:pt>
                <c:pt idx="3306">
                  <c:v>5.932391152341987E-2</c:v>
                </c:pt>
                <c:pt idx="3307">
                  <c:v>0.15363008741229867</c:v>
                </c:pt>
                <c:pt idx="3308">
                  <c:v>0.19449518623923523</c:v>
                </c:pt>
                <c:pt idx="3309">
                  <c:v>0.20170720638420692</c:v>
                </c:pt>
                <c:pt idx="3310">
                  <c:v>0.17352695506248428</c:v>
                </c:pt>
                <c:pt idx="3311">
                  <c:v>0.20247179177964303</c:v>
                </c:pt>
                <c:pt idx="3312">
                  <c:v>0.12970630556347285</c:v>
                </c:pt>
                <c:pt idx="3313">
                  <c:v>3.371387899579803E-2</c:v>
                </c:pt>
                <c:pt idx="3314">
                  <c:v>3.531611070650742E-2</c:v>
                </c:pt>
                <c:pt idx="3315">
                  <c:v>2.6984825892785391E-2</c:v>
                </c:pt>
                <c:pt idx="3316">
                  <c:v>2.7299338732201139E-2</c:v>
                </c:pt>
                <c:pt idx="3317">
                  <c:v>5.111279764769483E-2</c:v>
                </c:pt>
                <c:pt idx="3318">
                  <c:v>0.11111218305548576</c:v>
                </c:pt>
                <c:pt idx="3319">
                  <c:v>8.9904451979539335E-2</c:v>
                </c:pt>
                <c:pt idx="3320">
                  <c:v>6.6154613527934503E-2</c:v>
                </c:pt>
                <c:pt idx="3321">
                  <c:v>1.7536102751683824E-2</c:v>
                </c:pt>
                <c:pt idx="3322">
                  <c:v>-9.3032620244130393E-2</c:v>
                </c:pt>
                <c:pt idx="3323">
                  <c:v>-3.2779812898082961E-2</c:v>
                </c:pt>
                <c:pt idx="3324">
                  <c:v>7.903130533647662E-3</c:v>
                </c:pt>
                <c:pt idx="3325">
                  <c:v>0.11333959088935797</c:v>
                </c:pt>
                <c:pt idx="3326">
                  <c:v>0.17158963620281908</c:v>
                </c:pt>
                <c:pt idx="3327">
                  <c:v>0.14153390445851732</c:v>
                </c:pt>
                <c:pt idx="3328">
                  <c:v>6.37358938920356E-2</c:v>
                </c:pt>
                <c:pt idx="3329">
                  <c:v>-5.2564349656518683E-3</c:v>
                </c:pt>
                <c:pt idx="3330">
                  <c:v>5.7624918590147622E-2</c:v>
                </c:pt>
                <c:pt idx="3331">
                  <c:v>9.1663529655348741E-2</c:v>
                </c:pt>
                <c:pt idx="3332">
                  <c:v>2.8311637477771434E-2</c:v>
                </c:pt>
                <c:pt idx="3333">
                  <c:v>7.0215862799187123E-2</c:v>
                </c:pt>
                <c:pt idx="3334">
                  <c:v>9.5758863367689795E-3</c:v>
                </c:pt>
                <c:pt idx="3335">
                  <c:v>2.3929436678295168E-2</c:v>
                </c:pt>
                <c:pt idx="3336">
                  <c:v>3.9315136512482862E-2</c:v>
                </c:pt>
                <c:pt idx="3337">
                  <c:v>5.4581368630010285E-2</c:v>
                </c:pt>
                <c:pt idx="3338">
                  <c:v>-1.6136832489114461E-2</c:v>
                </c:pt>
                <c:pt idx="3339">
                  <c:v>-1.4765846544426697E-3</c:v>
                </c:pt>
                <c:pt idx="3340">
                  <c:v>-4.9071153577220139E-2</c:v>
                </c:pt>
                <c:pt idx="3341">
                  <c:v>8.5000837254747941E-2</c:v>
                </c:pt>
                <c:pt idx="3342">
                  <c:v>4.925701759324741E-2</c:v>
                </c:pt>
                <c:pt idx="3343">
                  <c:v>0.10100743286070513</c:v>
                </c:pt>
                <c:pt idx="3344">
                  <c:v>4.0802415507195322E-2</c:v>
                </c:pt>
                <c:pt idx="3345">
                  <c:v>-8.8518972265254847E-2</c:v>
                </c:pt>
                <c:pt idx="3346">
                  <c:v>-0.12567445646547781</c:v>
                </c:pt>
                <c:pt idx="3347">
                  <c:v>-0.13295186675117976</c:v>
                </c:pt>
                <c:pt idx="3348">
                  <c:v>-9.9277216318659156E-2</c:v>
                </c:pt>
                <c:pt idx="3349">
                  <c:v>-0.12445187855629014</c:v>
                </c:pt>
                <c:pt idx="3350">
                  <c:v>-0.10771695486270694</c:v>
                </c:pt>
                <c:pt idx="3351">
                  <c:v>-0.11226466258270429</c:v>
                </c:pt>
                <c:pt idx="3352">
                  <c:v>-0.11822596724717604</c:v>
                </c:pt>
                <c:pt idx="3353">
                  <c:v>-6.5004440537656194E-2</c:v>
                </c:pt>
                <c:pt idx="3354">
                  <c:v>-8.2677638759988792E-2</c:v>
                </c:pt>
                <c:pt idx="3355">
                  <c:v>-2.7107291744233653E-2</c:v>
                </c:pt>
                <c:pt idx="3356">
                  <c:v>-8.5175156962560949E-2</c:v>
                </c:pt>
                <c:pt idx="3357">
                  <c:v>3.7212211932609041E-2</c:v>
                </c:pt>
                <c:pt idx="3358">
                  <c:v>-4.1691349033523339E-2</c:v>
                </c:pt>
                <c:pt idx="3359">
                  <c:v>-7.5588550132728027E-3</c:v>
                </c:pt>
                <c:pt idx="3360">
                  <c:v>7.5443313131458023E-2</c:v>
                </c:pt>
                <c:pt idx="3361">
                  <c:v>0.15251869620729042</c:v>
                </c:pt>
                <c:pt idx="3362">
                  <c:v>6.2943157848855291E-2</c:v>
                </c:pt>
                <c:pt idx="3363">
                  <c:v>6.2034024144169031E-2</c:v>
                </c:pt>
                <c:pt idx="3364">
                  <c:v>-7.8691623275370937E-3</c:v>
                </c:pt>
                <c:pt idx="3365">
                  <c:v>5.0856310739562094E-2</c:v>
                </c:pt>
                <c:pt idx="3366">
                  <c:v>1.1150458492320547E-2</c:v>
                </c:pt>
                <c:pt idx="3367">
                  <c:v>2.8274784465930347E-2</c:v>
                </c:pt>
                <c:pt idx="3368">
                  <c:v>3.0980342856722798E-2</c:v>
                </c:pt>
                <c:pt idx="3369">
                  <c:v>7.0211740091397079E-3</c:v>
                </c:pt>
                <c:pt idx="3370">
                  <c:v>7.3785426682091204E-2</c:v>
                </c:pt>
                <c:pt idx="3371">
                  <c:v>6.9849847714074764E-2</c:v>
                </c:pt>
                <c:pt idx="3372">
                  <c:v>1.5846960002467769E-2</c:v>
                </c:pt>
                <c:pt idx="3373">
                  <c:v>5.13234683777406E-2</c:v>
                </c:pt>
                <c:pt idx="3374">
                  <c:v>3.9647040277216883E-2</c:v>
                </c:pt>
                <c:pt idx="3375">
                  <c:v>1.9574013501417742E-2</c:v>
                </c:pt>
                <c:pt idx="3376">
                  <c:v>0.12956017863856428</c:v>
                </c:pt>
                <c:pt idx="3377">
                  <c:v>0.12846732835824004</c:v>
                </c:pt>
                <c:pt idx="3378">
                  <c:v>3.8211020161316833E-2</c:v>
                </c:pt>
                <c:pt idx="3379">
                  <c:v>6.9540655528693041E-2</c:v>
                </c:pt>
                <c:pt idx="3380">
                  <c:v>4.3894122326371132E-2</c:v>
                </c:pt>
                <c:pt idx="3381">
                  <c:v>3.6473193863520548E-2</c:v>
                </c:pt>
                <c:pt idx="3382">
                  <c:v>0.11886601127115859</c:v>
                </c:pt>
                <c:pt idx="3383">
                  <c:v>2.4656497805152888E-2</c:v>
                </c:pt>
                <c:pt idx="3384">
                  <c:v>6.1547581677745544E-2</c:v>
                </c:pt>
                <c:pt idx="3385">
                  <c:v>4.0572234017246966E-2</c:v>
                </c:pt>
                <c:pt idx="3386">
                  <c:v>-4.2433979829602508E-2</c:v>
                </c:pt>
                <c:pt idx="3387">
                  <c:v>-5.0282698611896492E-2</c:v>
                </c:pt>
                <c:pt idx="3388">
                  <c:v>-1.9430442292081018E-2</c:v>
                </c:pt>
                <c:pt idx="3389">
                  <c:v>1.8558699185813099E-2</c:v>
                </c:pt>
                <c:pt idx="3390">
                  <c:v>-1.2084790477457474E-2</c:v>
                </c:pt>
                <c:pt idx="3391">
                  <c:v>1.0305007001338851E-2</c:v>
                </c:pt>
                <c:pt idx="3392">
                  <c:v>-6.4734197951688E-3</c:v>
                </c:pt>
                <c:pt idx="3393">
                  <c:v>-6.0271524802499865E-3</c:v>
                </c:pt>
                <c:pt idx="3394">
                  <c:v>2.3945116770706099E-2</c:v>
                </c:pt>
                <c:pt idx="3395">
                  <c:v>3.5757533930611318E-2</c:v>
                </c:pt>
                <c:pt idx="3396">
                  <c:v>6.6911090083884295E-2</c:v>
                </c:pt>
                <c:pt idx="3397">
                  <c:v>-4.1897607921408397E-3</c:v>
                </c:pt>
                <c:pt idx="3398">
                  <c:v>7.8466439887434625E-3</c:v>
                </c:pt>
                <c:pt idx="3399">
                  <c:v>6.6078561738007746E-2</c:v>
                </c:pt>
                <c:pt idx="3400">
                  <c:v>2.2317986084536834E-3</c:v>
                </c:pt>
                <c:pt idx="3401">
                  <c:v>-5.8249146672138874E-2</c:v>
                </c:pt>
                <c:pt idx="3402">
                  <c:v>-5.1390991429489663E-2</c:v>
                </c:pt>
                <c:pt idx="3403">
                  <c:v>8.7720170937997777E-2</c:v>
                </c:pt>
                <c:pt idx="3404">
                  <c:v>0.1029023513963625</c:v>
                </c:pt>
                <c:pt idx="3405">
                  <c:v>-5.1246051553825445E-2</c:v>
                </c:pt>
                <c:pt idx="3406">
                  <c:v>1.8165926819214695E-2</c:v>
                </c:pt>
                <c:pt idx="3407">
                  <c:v>-1.498318480082772E-2</c:v>
                </c:pt>
                <c:pt idx="3408">
                  <c:v>6.3931124264222872E-2</c:v>
                </c:pt>
                <c:pt idx="3409">
                  <c:v>-5.0883774148244854E-3</c:v>
                </c:pt>
                <c:pt idx="3410">
                  <c:v>2.2309086847516202E-3</c:v>
                </c:pt>
                <c:pt idx="3411">
                  <c:v>-7.602656404090713E-2</c:v>
                </c:pt>
                <c:pt idx="3412">
                  <c:v>-2.9369365193812724E-2</c:v>
                </c:pt>
                <c:pt idx="3413">
                  <c:v>-0.18995581256390615</c:v>
                </c:pt>
                <c:pt idx="3414">
                  <c:v>-0.19283617666983277</c:v>
                </c:pt>
                <c:pt idx="3415">
                  <c:v>-0.18702305410917719</c:v>
                </c:pt>
                <c:pt idx="3416">
                  <c:v>-0.10760058989228294</c:v>
                </c:pt>
                <c:pt idx="3417">
                  <c:v>-0.10442058157422041</c:v>
                </c:pt>
                <c:pt idx="3418">
                  <c:v>-6.3615599454422078E-2</c:v>
                </c:pt>
                <c:pt idx="3419">
                  <c:v>8.440209368172269E-2</c:v>
                </c:pt>
                <c:pt idx="3420">
                  <c:v>0.15987222584447003</c:v>
                </c:pt>
                <c:pt idx="3421">
                  <c:v>0.1538193273266486</c:v>
                </c:pt>
                <c:pt idx="3422">
                  <c:v>6.0272917442319995E-2</c:v>
                </c:pt>
                <c:pt idx="3423">
                  <c:v>5.9326938716950828E-2</c:v>
                </c:pt>
                <c:pt idx="3424">
                  <c:v>4.6794324102945595E-2</c:v>
                </c:pt>
                <c:pt idx="3425">
                  <c:v>0.12394667940407733</c:v>
                </c:pt>
                <c:pt idx="3426">
                  <c:v>-4.1637450895280814E-2</c:v>
                </c:pt>
                <c:pt idx="3427">
                  <c:v>-4.5593826472142718E-2</c:v>
                </c:pt>
                <c:pt idx="3428">
                  <c:v>-3.2769893699521546E-2</c:v>
                </c:pt>
                <c:pt idx="3429">
                  <c:v>-2.5022369776011244E-2</c:v>
                </c:pt>
                <c:pt idx="3430">
                  <c:v>7.9210009280674676E-3</c:v>
                </c:pt>
                <c:pt idx="3431">
                  <c:v>-2.5326803593838876E-2</c:v>
                </c:pt>
                <c:pt idx="3432">
                  <c:v>-2.6836791262038973E-2</c:v>
                </c:pt>
                <c:pt idx="3433">
                  <c:v>-1.9720710703966082E-2</c:v>
                </c:pt>
                <c:pt idx="3434">
                  <c:v>-1.1990885728348166E-2</c:v>
                </c:pt>
                <c:pt idx="3435">
                  <c:v>-2.1687795150460709E-2</c:v>
                </c:pt>
                <c:pt idx="3436">
                  <c:v>8.2824261862759485E-3</c:v>
                </c:pt>
                <c:pt idx="3437">
                  <c:v>-2.0182469955994375E-2</c:v>
                </c:pt>
                <c:pt idx="3438">
                  <c:v>-0.15299081053887631</c:v>
                </c:pt>
                <c:pt idx="3439">
                  <c:v>-7.7190718640631761E-2</c:v>
                </c:pt>
                <c:pt idx="3440">
                  <c:v>-0.13657466260086493</c:v>
                </c:pt>
                <c:pt idx="3441">
                  <c:v>-7.0180103848647812E-2</c:v>
                </c:pt>
                <c:pt idx="3442">
                  <c:v>-8.0396034209393896E-2</c:v>
                </c:pt>
                <c:pt idx="3443">
                  <c:v>-7.3906567455308547E-2</c:v>
                </c:pt>
                <c:pt idx="3444">
                  <c:v>-2.0019568877369887E-2</c:v>
                </c:pt>
                <c:pt idx="3445">
                  <c:v>-9.1538417279775852E-2</c:v>
                </c:pt>
                <c:pt idx="3446">
                  <c:v>-7.257601964370386E-2</c:v>
                </c:pt>
                <c:pt idx="3447">
                  <c:v>-6.5613071344638563E-2</c:v>
                </c:pt>
                <c:pt idx="3448">
                  <c:v>-9.1734292029371001E-2</c:v>
                </c:pt>
                <c:pt idx="3449">
                  <c:v>-6.186656810913016E-2</c:v>
                </c:pt>
                <c:pt idx="3450">
                  <c:v>-6.114133986186987E-3</c:v>
                </c:pt>
                <c:pt idx="3451">
                  <c:v>-3.7733283691330777E-2</c:v>
                </c:pt>
                <c:pt idx="3452">
                  <c:v>-4.4473092157956029E-2</c:v>
                </c:pt>
                <c:pt idx="3453">
                  <c:v>-6.2293937803413968E-2</c:v>
                </c:pt>
                <c:pt idx="3454">
                  <c:v>-3.8810229400536578E-2</c:v>
                </c:pt>
                <c:pt idx="3455">
                  <c:v>-1.0872197875439804E-2</c:v>
                </c:pt>
                <c:pt idx="3456">
                  <c:v>-3.4931714519740753E-2</c:v>
                </c:pt>
                <c:pt idx="3457">
                  <c:v>-7.5534541571242397E-2</c:v>
                </c:pt>
                <c:pt idx="3458">
                  <c:v>-0.1133594430893794</c:v>
                </c:pt>
                <c:pt idx="3459">
                  <c:v>-9.4140265778438481E-2</c:v>
                </c:pt>
                <c:pt idx="3460">
                  <c:v>-0.15455145121129532</c:v>
                </c:pt>
                <c:pt idx="3461">
                  <c:v>-5.0330591762939525E-2</c:v>
                </c:pt>
                <c:pt idx="3462">
                  <c:v>-0.11137862040032043</c:v>
                </c:pt>
                <c:pt idx="3463">
                  <c:v>-8.2689940774669513E-2</c:v>
                </c:pt>
                <c:pt idx="3464">
                  <c:v>-8.5001964007126785E-2</c:v>
                </c:pt>
                <c:pt idx="3465">
                  <c:v>-0.1172179829970087</c:v>
                </c:pt>
                <c:pt idx="3466">
                  <c:v>-0.14695731962245429</c:v>
                </c:pt>
                <c:pt idx="3467">
                  <c:v>-4.2656255891204808E-2</c:v>
                </c:pt>
                <c:pt idx="3468">
                  <c:v>-0.13050368664515122</c:v>
                </c:pt>
                <c:pt idx="3469">
                  <c:v>2.7849661738188924E-2</c:v>
                </c:pt>
                <c:pt idx="3470">
                  <c:v>0.14042164802972956</c:v>
                </c:pt>
                <c:pt idx="3471">
                  <c:v>6.925290796191419E-2</c:v>
                </c:pt>
                <c:pt idx="3472">
                  <c:v>0.10027206020969293</c:v>
                </c:pt>
                <c:pt idx="3473">
                  <c:v>3.966898034721078E-2</c:v>
                </c:pt>
                <c:pt idx="3474">
                  <c:v>6.1913170325944344E-2</c:v>
                </c:pt>
                <c:pt idx="3475">
                  <c:v>6.9470241132998378E-2</c:v>
                </c:pt>
                <c:pt idx="3476">
                  <c:v>1.8885870009392791E-2</c:v>
                </c:pt>
                <c:pt idx="3477">
                  <c:v>4.4522117146650553E-2</c:v>
                </c:pt>
                <c:pt idx="3478">
                  <c:v>1.4567639105067975E-2</c:v>
                </c:pt>
                <c:pt idx="3479">
                  <c:v>6.3698661663718514E-2</c:v>
                </c:pt>
                <c:pt idx="3480">
                  <c:v>1.0790475273738886E-2</c:v>
                </c:pt>
                <c:pt idx="3481">
                  <c:v>4.3555398476961882E-2</c:v>
                </c:pt>
                <c:pt idx="3482">
                  <c:v>0.11234662128661088</c:v>
                </c:pt>
                <c:pt idx="3483">
                  <c:v>6.5411666718127703E-2</c:v>
                </c:pt>
                <c:pt idx="3484">
                  <c:v>0.11293198476595645</c:v>
                </c:pt>
                <c:pt idx="3485">
                  <c:v>7.7464887061416299E-2</c:v>
                </c:pt>
                <c:pt idx="3486">
                  <c:v>8.8372960848805304E-2</c:v>
                </c:pt>
                <c:pt idx="3487">
                  <c:v>1.56485985517818E-2</c:v>
                </c:pt>
                <c:pt idx="3488">
                  <c:v>1.0616898743021075E-4</c:v>
                </c:pt>
                <c:pt idx="3489">
                  <c:v>4.6297478610047849E-2</c:v>
                </c:pt>
                <c:pt idx="3490">
                  <c:v>7.6825034098609413E-2</c:v>
                </c:pt>
                <c:pt idx="3491">
                  <c:v>0.11592013352487562</c:v>
                </c:pt>
                <c:pt idx="3492">
                  <c:v>3.1848509559453397E-3</c:v>
                </c:pt>
                <c:pt idx="3493">
                  <c:v>6.034595874749149E-2</c:v>
                </c:pt>
                <c:pt idx="3494">
                  <c:v>4.5716082374244627E-2</c:v>
                </c:pt>
                <c:pt idx="3495">
                  <c:v>-1.7218901252972652E-2</c:v>
                </c:pt>
                <c:pt idx="3496">
                  <c:v>4.988689687237402E-2</c:v>
                </c:pt>
                <c:pt idx="3497">
                  <c:v>2.794565290432538E-2</c:v>
                </c:pt>
                <c:pt idx="3498">
                  <c:v>-1.2788392489047284E-2</c:v>
                </c:pt>
                <c:pt idx="3499">
                  <c:v>5.3019560522984621E-2</c:v>
                </c:pt>
                <c:pt idx="3500">
                  <c:v>3.2039556200492703E-2</c:v>
                </c:pt>
                <c:pt idx="3501">
                  <c:v>5.1975733051946582E-2</c:v>
                </c:pt>
                <c:pt idx="3502">
                  <c:v>-6.4778394831901842E-2</c:v>
                </c:pt>
                <c:pt idx="3503">
                  <c:v>3.2064489320007938E-2</c:v>
                </c:pt>
                <c:pt idx="3504">
                  <c:v>3.0610441892522822E-2</c:v>
                </c:pt>
                <c:pt idx="3505">
                  <c:v>0.23560398831112694</c:v>
                </c:pt>
                <c:pt idx="3506">
                  <c:v>8.8341576690535772E-2</c:v>
                </c:pt>
                <c:pt idx="3507">
                  <c:v>0.12138860570749976</c:v>
                </c:pt>
                <c:pt idx="3508">
                  <c:v>7.7110690163109119E-3</c:v>
                </c:pt>
                <c:pt idx="3509">
                  <c:v>9.9159730407598623E-3</c:v>
                </c:pt>
                <c:pt idx="3510">
                  <c:v>5.0993565306776789E-2</c:v>
                </c:pt>
                <c:pt idx="3511">
                  <c:v>7.0581955616444425E-3</c:v>
                </c:pt>
                <c:pt idx="3512">
                  <c:v>-3.6096456105872754E-2</c:v>
                </c:pt>
                <c:pt idx="3513">
                  <c:v>7.0832114985448502E-3</c:v>
                </c:pt>
                <c:pt idx="3514">
                  <c:v>1.3314643240484259E-2</c:v>
                </c:pt>
                <c:pt idx="3515">
                  <c:v>-5.9437343014745458E-3</c:v>
                </c:pt>
                <c:pt idx="3516">
                  <c:v>9.1635376101732557E-2</c:v>
                </c:pt>
                <c:pt idx="3517">
                  <c:v>-1.6442239774507206E-2</c:v>
                </c:pt>
                <c:pt idx="3518">
                  <c:v>-5.0201119124464677E-2</c:v>
                </c:pt>
                <c:pt idx="3519">
                  <c:v>-9.3997447916761123E-2</c:v>
                </c:pt>
                <c:pt idx="3520">
                  <c:v>-6.3214057888626218E-2</c:v>
                </c:pt>
                <c:pt idx="3521">
                  <c:v>-0.1132954114444189</c:v>
                </c:pt>
                <c:pt idx="3522">
                  <c:v>-8.7078817818092569E-2</c:v>
                </c:pt>
                <c:pt idx="3523">
                  <c:v>-0.14383304668103924</c:v>
                </c:pt>
                <c:pt idx="3524">
                  <c:v>-7.891490113674382E-2</c:v>
                </c:pt>
                <c:pt idx="3525">
                  <c:v>-5.8397128997165204E-2</c:v>
                </c:pt>
                <c:pt idx="3526">
                  <c:v>4.2291200470748969E-2</c:v>
                </c:pt>
                <c:pt idx="3527">
                  <c:v>-0.12516841243059995</c:v>
                </c:pt>
                <c:pt idx="3528">
                  <c:v>-8.1351345873384329E-2</c:v>
                </c:pt>
                <c:pt idx="3529">
                  <c:v>-6.9526667381025753E-2</c:v>
                </c:pt>
                <c:pt idx="3530">
                  <c:v>-0.10680142605732934</c:v>
                </c:pt>
                <c:pt idx="3531">
                  <c:v>4.475571158480518E-2</c:v>
                </c:pt>
                <c:pt idx="3532">
                  <c:v>-5.2541618462462747E-3</c:v>
                </c:pt>
                <c:pt idx="3533">
                  <c:v>-7.4039334627697961E-3</c:v>
                </c:pt>
                <c:pt idx="3534">
                  <c:v>7.3902627817550304E-3</c:v>
                </c:pt>
                <c:pt idx="3535">
                  <c:v>8.3604372612904321E-3</c:v>
                </c:pt>
                <c:pt idx="3536">
                  <c:v>-1.1802897518929045E-2</c:v>
                </c:pt>
                <c:pt idx="3537">
                  <c:v>-7.2193218054916741E-2</c:v>
                </c:pt>
                <c:pt idx="3538">
                  <c:v>-5.8059930731240161E-2</c:v>
                </c:pt>
                <c:pt idx="3539">
                  <c:v>-9.9148497027836013E-2</c:v>
                </c:pt>
                <c:pt idx="3540">
                  <c:v>-0.1180699668912063</c:v>
                </c:pt>
                <c:pt idx="3541">
                  <c:v>-0.11408053918479311</c:v>
                </c:pt>
                <c:pt idx="3542">
                  <c:v>-6.8344306758516993E-2</c:v>
                </c:pt>
                <c:pt idx="3543">
                  <c:v>-2.2595966284606694E-2</c:v>
                </c:pt>
                <c:pt idx="3544">
                  <c:v>-8.6388935887353635E-2</c:v>
                </c:pt>
                <c:pt idx="3545">
                  <c:v>-3.1636305981195934E-2</c:v>
                </c:pt>
                <c:pt idx="3546">
                  <c:v>5.176214119275202E-2</c:v>
                </c:pt>
                <c:pt idx="3547">
                  <c:v>8.2315051152448415E-3</c:v>
                </c:pt>
                <c:pt idx="3548">
                  <c:v>1.0000854326757125E-2</c:v>
                </c:pt>
                <c:pt idx="3549">
                  <c:v>0.14667261813737431</c:v>
                </c:pt>
                <c:pt idx="3550">
                  <c:v>0.24093058340855444</c:v>
                </c:pt>
                <c:pt idx="3551">
                  <c:v>0.20230094822279021</c:v>
                </c:pt>
                <c:pt idx="3552">
                  <c:v>0.24207646006513128</c:v>
                </c:pt>
                <c:pt idx="3553">
                  <c:v>0.20585010924267721</c:v>
                </c:pt>
                <c:pt idx="3554">
                  <c:v>0.1898183255268262</c:v>
                </c:pt>
                <c:pt idx="3555">
                  <c:v>4.0031818586328205E-2</c:v>
                </c:pt>
                <c:pt idx="3556">
                  <c:v>0.13636530314615714</c:v>
                </c:pt>
                <c:pt idx="3557">
                  <c:v>3.5296793187184594E-2</c:v>
                </c:pt>
                <c:pt idx="3558">
                  <c:v>4.7783093265820087E-2</c:v>
                </c:pt>
                <c:pt idx="3559">
                  <c:v>0.13378404711873704</c:v>
                </c:pt>
                <c:pt idx="3560">
                  <c:v>0.17894460352083108</c:v>
                </c:pt>
                <c:pt idx="3561">
                  <c:v>0.18336090764952706</c:v>
                </c:pt>
                <c:pt idx="3562">
                  <c:v>0.16449092695543044</c:v>
                </c:pt>
                <c:pt idx="3563">
                  <c:v>0.16488955465674926</c:v>
                </c:pt>
                <c:pt idx="3564">
                  <c:v>0.10919104845724825</c:v>
                </c:pt>
                <c:pt idx="3565">
                  <c:v>1.9675502579874715E-2</c:v>
                </c:pt>
                <c:pt idx="3566">
                  <c:v>6.0867487454800528E-2</c:v>
                </c:pt>
                <c:pt idx="3567">
                  <c:v>5.4151035671408776E-2</c:v>
                </c:pt>
                <c:pt idx="3568">
                  <c:v>0.101028616677173</c:v>
                </c:pt>
                <c:pt idx="3569">
                  <c:v>8.7472522970022615E-2</c:v>
                </c:pt>
                <c:pt idx="3570">
                  <c:v>4.7811360874961517E-2</c:v>
                </c:pt>
                <c:pt idx="3571">
                  <c:v>-2.4099555219803115E-3</c:v>
                </c:pt>
                <c:pt idx="3572">
                  <c:v>6.8760586187293971E-2</c:v>
                </c:pt>
                <c:pt idx="3573">
                  <c:v>8.3471622149289049E-2</c:v>
                </c:pt>
                <c:pt idx="3574">
                  <c:v>-1.7985002061327027E-3</c:v>
                </c:pt>
                <c:pt idx="3575">
                  <c:v>-1.5437827569113161E-2</c:v>
                </c:pt>
                <c:pt idx="3576">
                  <c:v>-4.2945309648044772E-2</c:v>
                </c:pt>
                <c:pt idx="3577">
                  <c:v>-3.9492670842649957E-2</c:v>
                </c:pt>
                <c:pt idx="3578">
                  <c:v>-8.0055265351638427E-2</c:v>
                </c:pt>
                <c:pt idx="3579">
                  <c:v>-0.16396381098020596</c:v>
                </c:pt>
                <c:pt idx="3580">
                  <c:v>-0.12465324467998196</c:v>
                </c:pt>
                <c:pt idx="3581">
                  <c:v>-0.16542689131488986</c:v>
                </c:pt>
                <c:pt idx="3582">
                  <c:v>-0.12019690778755932</c:v>
                </c:pt>
                <c:pt idx="3583">
                  <c:v>7.7843170017202423E-2</c:v>
                </c:pt>
                <c:pt idx="3584">
                  <c:v>5.5401997424673555E-2</c:v>
                </c:pt>
                <c:pt idx="3585">
                  <c:v>6.0476688176182458E-2</c:v>
                </c:pt>
                <c:pt idx="3586">
                  <c:v>9.471057683401396E-2</c:v>
                </c:pt>
                <c:pt idx="3587">
                  <c:v>0.1168834610404148</c:v>
                </c:pt>
                <c:pt idx="3588">
                  <c:v>6.4842219433392856E-2</c:v>
                </c:pt>
                <c:pt idx="3589">
                  <c:v>-4.6346045923695733E-2</c:v>
                </c:pt>
                <c:pt idx="3590">
                  <c:v>-8.5921457876694252E-3</c:v>
                </c:pt>
                <c:pt idx="3591">
                  <c:v>-0.10516308596481361</c:v>
                </c:pt>
                <c:pt idx="3592">
                  <c:v>-1.9725665217966926E-2</c:v>
                </c:pt>
                <c:pt idx="3593">
                  <c:v>-1.6490725723702138E-2</c:v>
                </c:pt>
                <c:pt idx="3594">
                  <c:v>-3.6739541852749413E-2</c:v>
                </c:pt>
                <c:pt idx="3595">
                  <c:v>7.5963567613344107E-3</c:v>
                </c:pt>
                <c:pt idx="3596">
                  <c:v>-0.13540244783503386</c:v>
                </c:pt>
                <c:pt idx="3597">
                  <c:v>-0.15248553728689473</c:v>
                </c:pt>
                <c:pt idx="3598">
                  <c:v>-0.17188572072014829</c:v>
                </c:pt>
                <c:pt idx="3599">
                  <c:v>-0.17029752510402107</c:v>
                </c:pt>
                <c:pt idx="3600">
                  <c:v>-0.12043882246748649</c:v>
                </c:pt>
                <c:pt idx="3601">
                  <c:v>-0.11504057361939235</c:v>
                </c:pt>
                <c:pt idx="3602">
                  <c:v>-0.11314159049343553</c:v>
                </c:pt>
                <c:pt idx="3603">
                  <c:v>-9.5264001133290366E-2</c:v>
                </c:pt>
                <c:pt idx="3604">
                  <c:v>-4.982858907137433E-2</c:v>
                </c:pt>
                <c:pt idx="3605">
                  <c:v>5.4266785323161981E-2</c:v>
                </c:pt>
                <c:pt idx="3606">
                  <c:v>0.20336579024317092</c:v>
                </c:pt>
                <c:pt idx="3607">
                  <c:v>0.14104082715684396</c:v>
                </c:pt>
                <c:pt idx="3608">
                  <c:v>-1.0492315236401817E-2</c:v>
                </c:pt>
                <c:pt idx="3609">
                  <c:v>3.4935008327138917E-2</c:v>
                </c:pt>
                <c:pt idx="3610">
                  <c:v>9.4381931279725939E-2</c:v>
                </c:pt>
                <c:pt idx="3611">
                  <c:v>-8.1152304984025814E-2</c:v>
                </c:pt>
                <c:pt idx="3612">
                  <c:v>-0.11140045043260294</c:v>
                </c:pt>
                <c:pt idx="3613">
                  <c:v>-3.1843651733105438E-2</c:v>
                </c:pt>
                <c:pt idx="3614">
                  <c:v>-6.4480109751203218E-2</c:v>
                </c:pt>
                <c:pt idx="3615">
                  <c:v>-0.1012183588870168</c:v>
                </c:pt>
                <c:pt idx="3616">
                  <c:v>-4.5428877726604311E-3</c:v>
                </c:pt>
                <c:pt idx="3617">
                  <c:v>-6.2860110887578702E-2</c:v>
                </c:pt>
                <c:pt idx="3618">
                  <c:v>-1.5115035865030824E-2</c:v>
                </c:pt>
                <c:pt idx="3619">
                  <c:v>2.795686111316309E-2</c:v>
                </c:pt>
                <c:pt idx="3620">
                  <c:v>0.14096287000192553</c:v>
                </c:pt>
                <c:pt idx="3621">
                  <c:v>0.14020181902363993</c:v>
                </c:pt>
                <c:pt idx="3622">
                  <c:v>2.8790155330487011E-2</c:v>
                </c:pt>
                <c:pt idx="3623">
                  <c:v>-6.3754144079086084E-2</c:v>
                </c:pt>
                <c:pt idx="3624">
                  <c:v>-4.6594256076792351E-2</c:v>
                </c:pt>
                <c:pt idx="3625">
                  <c:v>-1.8618237154090611E-2</c:v>
                </c:pt>
                <c:pt idx="3626">
                  <c:v>-2.3223557050120358E-2</c:v>
                </c:pt>
                <c:pt idx="3627">
                  <c:v>-6.2446655616617552E-2</c:v>
                </c:pt>
                <c:pt idx="3628">
                  <c:v>-6.2379355648285006E-2</c:v>
                </c:pt>
                <c:pt idx="3629">
                  <c:v>-8.5498567926885372E-2</c:v>
                </c:pt>
                <c:pt idx="3630">
                  <c:v>-8.918614025560867E-2</c:v>
                </c:pt>
                <c:pt idx="3631">
                  <c:v>-4.2692832339317532E-2</c:v>
                </c:pt>
                <c:pt idx="3632">
                  <c:v>-6.4537545396703755E-2</c:v>
                </c:pt>
                <c:pt idx="3633">
                  <c:v>-7.3850067267901776E-2</c:v>
                </c:pt>
                <c:pt idx="3634">
                  <c:v>-4.6705773922482874E-2</c:v>
                </c:pt>
                <c:pt idx="3635">
                  <c:v>-5.2893331807749799E-2</c:v>
                </c:pt>
                <c:pt idx="3636">
                  <c:v>1.3534389660818658E-3</c:v>
                </c:pt>
                <c:pt idx="3637">
                  <c:v>-6.8938610117313948E-3</c:v>
                </c:pt>
                <c:pt idx="3638">
                  <c:v>-2.7591726211845469E-2</c:v>
                </c:pt>
                <c:pt idx="3639">
                  <c:v>-9.7494945353590046E-3</c:v>
                </c:pt>
                <c:pt idx="3640">
                  <c:v>-4.9319965970148538E-2</c:v>
                </c:pt>
                <c:pt idx="3641">
                  <c:v>-1.7289029188523597E-2</c:v>
                </c:pt>
                <c:pt idx="3642">
                  <c:v>-5.264449107848812E-2</c:v>
                </c:pt>
                <c:pt idx="3643">
                  <c:v>-5.92090402586255E-2</c:v>
                </c:pt>
                <c:pt idx="3644">
                  <c:v>2.9899482649982101E-2</c:v>
                </c:pt>
                <c:pt idx="3645">
                  <c:v>4.41935417803766E-2</c:v>
                </c:pt>
                <c:pt idx="3646">
                  <c:v>6.4485507183867474E-2</c:v>
                </c:pt>
                <c:pt idx="3647">
                  <c:v>-7.8191135374000575E-3</c:v>
                </c:pt>
                <c:pt idx="3648">
                  <c:v>3.1638771356922391E-2</c:v>
                </c:pt>
                <c:pt idx="3649">
                  <c:v>-7.0996907775649709E-2</c:v>
                </c:pt>
                <c:pt idx="3650">
                  <c:v>-5.7871241964195796E-3</c:v>
                </c:pt>
                <c:pt idx="3651">
                  <c:v>-2.2917726445949915E-2</c:v>
                </c:pt>
                <c:pt idx="3652">
                  <c:v>3.1693116480868255E-2</c:v>
                </c:pt>
                <c:pt idx="3653">
                  <c:v>8.5477057572581949E-2</c:v>
                </c:pt>
                <c:pt idx="3654">
                  <c:v>0.16003140289077555</c:v>
                </c:pt>
                <c:pt idx="3655">
                  <c:v>0.11479952891831169</c:v>
                </c:pt>
                <c:pt idx="3656">
                  <c:v>5.4195668728554969E-2</c:v>
                </c:pt>
                <c:pt idx="3657">
                  <c:v>0.10260377968449941</c:v>
                </c:pt>
                <c:pt idx="3658">
                  <c:v>2.4594977840620036E-2</c:v>
                </c:pt>
                <c:pt idx="3659">
                  <c:v>2.3493406000108297E-2</c:v>
                </c:pt>
                <c:pt idx="3660">
                  <c:v>-5.499366120059801E-2</c:v>
                </c:pt>
                <c:pt idx="3661">
                  <c:v>-4.5998340761163714E-2</c:v>
                </c:pt>
              </c:numCache>
            </c:numRef>
          </c:yVal>
          <c:smooth val="0"/>
          <c:extLst>
            <c:ext xmlns:c16="http://schemas.microsoft.com/office/drawing/2014/chart" uri="{C3380CC4-5D6E-409C-BE32-E72D297353CC}">
              <c16:uniqueId val="{00000000-E752-485C-B883-5E8B3DDEC79D}"/>
            </c:ext>
          </c:extLst>
        </c:ser>
        <c:ser>
          <c:idx val="2"/>
          <c:order val="1"/>
          <c:spPr>
            <a:ln w="25400" cap="rnd">
              <a:noFill/>
              <a:round/>
            </a:ln>
            <a:effectLst/>
          </c:spPr>
          <c:marker>
            <c:symbol val="diamond"/>
            <c:size val="7"/>
            <c:spPr>
              <a:solidFill>
                <a:schemeClr val="accent3"/>
              </a:solidFill>
              <a:ln w="9525">
                <a:solidFill>
                  <a:schemeClr val="accent3"/>
                </a:solidFill>
              </a:ln>
              <a:effectLst/>
            </c:spPr>
          </c:marker>
          <c:dLbls>
            <c:dLbl>
              <c:idx val="0"/>
              <c:tx>
                <c:rich>
                  <a:bodyPr/>
                  <a:lstStyle/>
                  <a:p>
                    <a:fld id="{5E1D35E0-1AF6-4576-A1F9-13839581F3D9}" type="CELLRANGE">
                      <a:rPr lang="en-US"/>
                      <a:pPr/>
                      <a:t>[CELLRANGE]</a:t>
                    </a:fld>
                    <a:endParaRPr lang="en-US"/>
                  </a:p>
                </c:rich>
              </c:tx>
              <c:showLegendKey val="0"/>
              <c:showVal val="0"/>
              <c:showCatName val="0"/>
              <c:showSerName val="0"/>
              <c:showPercent val="0"/>
              <c:showBubbleSize val="0"/>
              <c:extLst>
                <c:ext xmlns:c15="http://schemas.microsoft.com/office/drawing/2012/chart" uri="{CE6537A1-D6FC-4f65-9D91-7224C49458BB}">
                  <c15:dlblFieldTable/>
                  <c15:xForSave val="1"/>
                  <c15:showDataLabelsRange val="1"/>
                </c:ext>
                <c:ext xmlns:c16="http://schemas.microsoft.com/office/drawing/2014/chart" uri="{C3380CC4-5D6E-409C-BE32-E72D297353CC}">
                  <c16:uniqueId val="{00000001-E752-485C-B883-5E8B3DDEC79D}"/>
                </c:ext>
              </c:extLst>
            </c:dLbl>
            <c:dLbl>
              <c:idx val="1"/>
              <c:tx>
                <c:rich>
                  <a:bodyPr/>
                  <a:lstStyle/>
                  <a:p>
                    <a:fld id="{BEDE11B0-4C0B-4B89-9521-04A73EC2B34F}" type="CELLRANGE">
                      <a:rPr lang="en-US"/>
                      <a:pPr/>
                      <a:t>[CELLRANGE]</a:t>
                    </a:fld>
                    <a:endParaRPr lang="en-US"/>
                  </a:p>
                </c:rich>
              </c:tx>
              <c:showLegendKey val="0"/>
              <c:showVal val="0"/>
              <c:showCatName val="0"/>
              <c:showSerName val="0"/>
              <c:showPercent val="0"/>
              <c:showBubbleSize val="0"/>
              <c:extLst>
                <c:ext xmlns:c15="http://schemas.microsoft.com/office/drawing/2012/chart" uri="{CE6537A1-D6FC-4f65-9D91-7224C49458BB}">
                  <c15:dlblFieldTable/>
                  <c15:xForSave val="1"/>
                  <c15:showDataLabelsRange val="1"/>
                </c:ext>
                <c:ext xmlns:c16="http://schemas.microsoft.com/office/drawing/2014/chart" uri="{C3380CC4-5D6E-409C-BE32-E72D297353CC}">
                  <c16:uniqueId val="{00000002-E752-485C-B883-5E8B3DDEC79D}"/>
                </c:ext>
              </c:extLst>
            </c:dLbl>
            <c:dLbl>
              <c:idx val="2"/>
              <c:tx>
                <c:rich>
                  <a:bodyPr/>
                  <a:lstStyle/>
                  <a:p>
                    <a:endParaRPr lang="en-US"/>
                  </a:p>
                </c:rich>
              </c:tx>
              <c:showLegendKey val="0"/>
              <c:showVal val="0"/>
              <c:showCatName val="0"/>
              <c:showSerName val="0"/>
              <c:showPercent val="0"/>
              <c:showBubbleSize val="0"/>
              <c:extLst>
                <c:ext xmlns:c15="http://schemas.microsoft.com/office/drawing/2012/chart" uri="{CE6537A1-D6FC-4f65-9D91-7224C49458BB}">
                  <c15:xForSave val="1"/>
                  <c15:showDataLabelsRange val="1"/>
                </c:ext>
                <c:ext xmlns:c16="http://schemas.microsoft.com/office/drawing/2014/chart" uri="{C3380CC4-5D6E-409C-BE32-E72D297353CC}">
                  <c16:uniqueId val="{00000003-E752-485C-B883-5E8B3DDEC79D}"/>
                </c:ext>
              </c:extLst>
            </c:dLbl>
            <c:dLbl>
              <c:idx val="3"/>
              <c:tx>
                <c:rich>
                  <a:bodyPr/>
                  <a:lstStyle/>
                  <a:p>
                    <a:endParaRPr lang="en-US"/>
                  </a:p>
                </c:rich>
              </c:tx>
              <c:showLegendKey val="0"/>
              <c:showVal val="0"/>
              <c:showCatName val="0"/>
              <c:showSerName val="0"/>
              <c:showPercent val="0"/>
              <c:showBubbleSize val="0"/>
              <c:extLst>
                <c:ext xmlns:c15="http://schemas.microsoft.com/office/drawing/2012/chart" uri="{CE6537A1-D6FC-4f65-9D91-7224C49458BB}">
                  <c15:xForSave val="1"/>
                  <c15:showDataLabelsRange val="1"/>
                </c:ext>
                <c:ext xmlns:c16="http://schemas.microsoft.com/office/drawing/2014/chart" uri="{C3380CC4-5D6E-409C-BE32-E72D297353CC}">
                  <c16:uniqueId val="{00000004-E752-485C-B883-5E8B3DDEC79D}"/>
                </c:ext>
              </c:extLst>
            </c:dLbl>
            <c:spPr>
              <a:noFill/>
              <a:ln>
                <a:noFill/>
              </a:ln>
              <a:effectLst/>
            </c:spPr>
            <c:txPr>
              <a:bodyPr rot="0" spcFirstLastPara="1" vertOverflow="ellipsis" vert="horz" wrap="square" anchor="ctr" anchorCtr="1"/>
              <a:lstStyle/>
              <a:p>
                <a:pPr>
                  <a:defRPr sz="800" b="0" i="0" u="none" strike="noStrike" kern="1200" baseline="0">
                    <a:solidFill>
                      <a:schemeClr val="tx1">
                        <a:lumMod val="75000"/>
                        <a:lumOff val="25000"/>
                      </a:schemeClr>
                    </a:solidFill>
                    <a:latin typeface="+mn-lt"/>
                    <a:ea typeface="+mn-ea"/>
                    <a:cs typeface="+mn-cs"/>
                  </a:defRPr>
                </a:pPr>
                <a:endParaRPr lang="en-US"/>
              </a:p>
            </c:txPr>
            <c:showLegendKey val="0"/>
            <c:showVal val="0"/>
            <c:showCatName val="0"/>
            <c:showSerName val="0"/>
            <c:showPercent val="0"/>
            <c:showBubbleSize val="0"/>
            <c:showLeaderLines val="0"/>
            <c:extLst>
              <c:ext xmlns:c15="http://schemas.microsoft.com/office/drawing/2012/chart" uri="{CE6537A1-D6FC-4f65-9D91-7224C49458BB}">
                <c15:showDataLabelsRange val="1"/>
                <c15:showLeaderLines val="1"/>
                <c15:leaderLines>
                  <c:spPr>
                    <a:ln w="9525" cap="flat" cmpd="sng" algn="ctr">
                      <a:solidFill>
                        <a:schemeClr val="tx1">
                          <a:lumMod val="35000"/>
                          <a:lumOff val="65000"/>
                        </a:schemeClr>
                      </a:solidFill>
                      <a:round/>
                    </a:ln>
                    <a:effectLst/>
                  </c:spPr>
                </c15:leaderLines>
              </c:ext>
            </c:extLst>
          </c:dLbls>
          <c:xVal>
            <c:numRef>
              <c:f>'Offset 3'!$R$2:$R$5</c:f>
              <c:numCache>
                <c:formatCode>General</c:formatCode>
                <c:ptCount val="4"/>
                <c:pt idx="0">
                  <c:v>45.287999999999997</c:v>
                </c:pt>
                <c:pt idx="1">
                  <c:v>48</c:v>
                </c:pt>
              </c:numCache>
            </c:numRef>
          </c:xVal>
          <c:yVal>
            <c:numRef>
              <c:f>'Offset 3'!$T$2:$T$5</c:f>
              <c:numCache>
                <c:formatCode>General</c:formatCode>
                <c:ptCount val="4"/>
                <c:pt idx="0">
                  <c:v>0.8</c:v>
                </c:pt>
                <c:pt idx="1">
                  <c:v>0.8</c:v>
                </c:pt>
                <c:pt idx="2">
                  <c:v>0.8</c:v>
                </c:pt>
                <c:pt idx="3">
                  <c:v>0.8</c:v>
                </c:pt>
              </c:numCache>
            </c:numRef>
          </c:yVal>
          <c:smooth val="0"/>
          <c:extLst>
            <c:ext xmlns:c15="http://schemas.microsoft.com/office/drawing/2012/chart" uri="{02D57815-91ED-43cb-92C2-25804820EDAC}">
              <c15:datalabelsRange>
                <c15:f>'Offset 3'!$P$2:$P$5</c15:f>
                <c15:dlblRangeCache>
                  <c:ptCount val="4"/>
                  <c:pt idx="0">
                    <c:v>NV4</c:v>
                  </c:pt>
                  <c:pt idx="1">
                    <c:v>NV5</c:v>
                  </c:pt>
                  <c:pt idx="2">
                    <c:v>NV6</c:v>
                  </c:pt>
                  <c:pt idx="3">
                    <c:v>NV7</c:v>
                  </c:pt>
                </c15:dlblRangeCache>
              </c15:datalabelsRange>
            </c:ext>
            <c:ext xmlns:c16="http://schemas.microsoft.com/office/drawing/2014/chart" uri="{C3380CC4-5D6E-409C-BE32-E72D297353CC}">
              <c16:uniqueId val="{00000005-E752-485C-B883-5E8B3DDEC79D}"/>
            </c:ext>
          </c:extLst>
        </c:ser>
        <c:dLbls>
          <c:showLegendKey val="0"/>
          <c:showVal val="0"/>
          <c:showCatName val="0"/>
          <c:showSerName val="0"/>
          <c:showPercent val="0"/>
          <c:showBubbleSize val="0"/>
        </c:dLbls>
        <c:axId val="740500960"/>
        <c:axId val="740501440"/>
      </c:scatterChart>
      <c:valAx>
        <c:axId val="740500960"/>
        <c:scaling>
          <c:orientation val="minMax"/>
          <c:max val="45.75"/>
          <c:min val="45.25"/>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r>
                  <a:rPr lang="en-US"/>
                  <a:t>MP</a:t>
                </a:r>
              </a:p>
            </c:rich>
          </c:tx>
          <c:overlay val="0"/>
          <c:spPr>
            <a:noFill/>
            <a:ln>
              <a:noFill/>
            </a:ln>
            <a:effectLst/>
          </c:spPr>
          <c:txPr>
            <a:bodyPr rot="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crossAx val="740501440"/>
        <c:crosses val="autoZero"/>
        <c:crossBetween val="midCat"/>
      </c:valAx>
      <c:valAx>
        <c:axId val="740501440"/>
        <c:scaling>
          <c:orientation val="minMax"/>
          <c:min val="1.0000000000000003E-4"/>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r>
                  <a:rPr lang="en-US"/>
                  <a:t>Reflection Activity Index</a:t>
                </a:r>
              </a:p>
            </c:rich>
          </c:tx>
          <c:overlay val="0"/>
          <c:spPr>
            <a:noFill/>
            <a:ln>
              <a:noFill/>
            </a:ln>
            <a:effectLst/>
          </c:spPr>
          <c:txPr>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title>
        <c:numFmt formatCode="#,##0.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crossAx val="740500960"/>
        <c:crosses val="autoZero"/>
        <c:crossBetween val="midCat"/>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noFill/>
      <a:round/>
    </a:ln>
    <a:effectLst/>
  </c:spPr>
  <c:txPr>
    <a:bodyPr/>
    <a:lstStyle/>
    <a:p>
      <a:pPr>
        <a:defRPr sz="800"/>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2E142A2C-CD16-42D6-873A-C26D2A0506FA}" vid="{1BDDFF52-6CD6-40A5-AB3C-68EB2F1E4D0A}"/>
    </a:ext>
  </a:extLst>
</a:theme>
</file>

<file path=docProps/app.xml><?xml version="1.0" encoding="utf-8"?>
<Properties xmlns="http://schemas.openxmlformats.org/officeDocument/2006/extended-properties" xmlns:vt="http://schemas.openxmlformats.org/officeDocument/2006/docPropsVTypes">
  <Template>Normal.dotm</Template>
  <TotalTime>1402</TotalTime>
  <Pages>7</Pages>
  <Words>679</Words>
  <Characters>3873</Characters>
  <Application>Microsoft Office Word</Application>
  <DocSecurity>0</DocSecurity>
  <Lines>32</Lines>
  <Paragraphs>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5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en Maser</dc:creator>
  <cp:keywords/>
  <dc:description/>
  <cp:lastModifiedBy>Ken Maser</cp:lastModifiedBy>
  <cp:revision>8</cp:revision>
  <dcterms:created xsi:type="dcterms:W3CDTF">2025-10-07T19:04:00Z</dcterms:created>
  <dcterms:modified xsi:type="dcterms:W3CDTF">2025-10-08T20:35:00Z</dcterms:modified>
</cp:coreProperties>
</file>